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32770" yWindow="32770" windowWidth="23040" windowHeight="7440" tabRatio="804"/>
  </bookViews>
  <sheets>
    <sheet name="入所支援" sheetId="15" r:id="rId1"/>
  </sheets>
  <definedNames>
    <definedName name="_xlnm.Print_Area" localSheetId="0">入所支援!$A$1:$J$242</definedName>
  </definedNames>
  <calcPr calcId="162913"/>
</workbook>
</file>

<file path=xl/sharedStrings.xml><?xml version="1.0" encoding="utf-8"?>
<sst xmlns="http://schemas.openxmlformats.org/spreadsheetml/2006/main" count="382" uniqueCount="171">
  <si>
    <t>なし</t>
    <phoneticPr fontId="2"/>
  </si>
  <si>
    <t>　</t>
    <phoneticPr fontId="2"/>
  </si>
  <si>
    <t>　　</t>
    <phoneticPr fontId="2"/>
  </si>
  <si>
    <t>〒</t>
    <phoneticPr fontId="2"/>
  </si>
  <si>
    <t>ＴＥＬ</t>
    <phoneticPr fontId="2"/>
  </si>
  <si>
    <t>ＦＡＸ</t>
    <phoneticPr fontId="2"/>
  </si>
  <si>
    <t>非常勤</t>
    <rPh sb="0" eb="3">
      <t>ヒジョウキン</t>
    </rPh>
    <phoneticPr fontId="2"/>
  </si>
  <si>
    <t>人</t>
    <rPh sb="0" eb="1">
      <t>ニン</t>
    </rPh>
    <phoneticPr fontId="2"/>
  </si>
  <si>
    <t>（昼間実施サービス）</t>
    <rPh sb="1" eb="3">
      <t>チュウカン</t>
    </rPh>
    <rPh sb="3" eb="5">
      <t>ジッシ</t>
    </rPh>
    <phoneticPr fontId="2"/>
  </si>
  <si>
    <t>　　　　　兼務</t>
    <rPh sb="5" eb="7">
      <t>ケンム</t>
    </rPh>
    <phoneticPr fontId="2"/>
  </si>
  <si>
    <t>はい</t>
  </si>
  <si>
    <t>いいえ</t>
  </si>
  <si>
    <t>あり</t>
    <phoneticPr fontId="2"/>
  </si>
  <si>
    <t xml:space="preserve">      人</t>
    <rPh sb="6" eb="7">
      <t>ニン</t>
    </rPh>
    <phoneticPr fontId="2"/>
  </si>
  <si>
    <t>１　設置者の名称　</t>
    <phoneticPr fontId="2"/>
  </si>
  <si>
    <t>２　設置者の代表者氏名　</t>
    <phoneticPr fontId="2"/>
  </si>
  <si>
    <t>３　設置者の住所　</t>
    <phoneticPr fontId="2"/>
  </si>
  <si>
    <t>（施設入所支援）</t>
    <phoneticPr fontId="2"/>
  </si>
  <si>
    <t>名称</t>
    <rPh sb="0" eb="2">
      <t>メイショウ</t>
    </rPh>
    <phoneticPr fontId="2"/>
  </si>
  <si>
    <t>診療科名</t>
    <rPh sb="0" eb="2">
      <t>シンリョウ</t>
    </rPh>
    <rPh sb="2" eb="3">
      <t>カ</t>
    </rPh>
    <rPh sb="3" eb="4">
      <t>メイ</t>
    </rPh>
    <phoneticPr fontId="2"/>
  </si>
  <si>
    <t>あり（Ⅰ・Ⅱ）</t>
    <phoneticPr fontId="2"/>
  </si>
  <si>
    <t>（種別）</t>
    <rPh sb="1" eb="3">
      <t>シュベツ</t>
    </rPh>
    <phoneticPr fontId="2"/>
  </si>
  <si>
    <t>４　施設の名称</t>
    <phoneticPr fontId="2"/>
  </si>
  <si>
    <t>５　施設の住所、連絡先</t>
    <rPh sb="8" eb="11">
      <t>レンラクサキ</t>
    </rPh>
    <phoneticPr fontId="2"/>
  </si>
  <si>
    <t>　　の氏名</t>
    <phoneticPr fontId="2"/>
  </si>
  <si>
    <t>　　種類及び定員</t>
    <phoneticPr fontId="2"/>
  </si>
  <si>
    <t>）</t>
    <phoneticPr fontId="2"/>
  </si>
  <si>
    <t>日</t>
    <rPh sb="0" eb="1">
      <t>ニチ</t>
    </rPh>
    <phoneticPr fontId="2"/>
  </si>
  <si>
    <t>　(1) 夜勤職員配置体制加算</t>
    <phoneticPr fontId="2"/>
  </si>
  <si>
    <t>　(2) 重度障害者支援加算</t>
    <phoneticPr fontId="2"/>
  </si>
  <si>
    <t>　(3) 夜間看護体制加算</t>
    <phoneticPr fontId="2"/>
  </si>
  <si>
    <t>　　る減算</t>
    <phoneticPr fontId="2"/>
  </si>
  <si>
    <t>　　による減算</t>
    <phoneticPr fontId="2"/>
  </si>
  <si>
    <t>　さい。</t>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施設・設備</t>
    <rPh sb="0" eb="2">
      <t>シセツ</t>
    </rPh>
    <rPh sb="3" eb="5">
      <t>セツビ</t>
    </rPh>
    <phoneticPr fontId="3"/>
  </si>
  <si>
    <t>設置義務</t>
    <rPh sb="0" eb="2">
      <t>セッチ</t>
    </rPh>
    <rPh sb="2" eb="4">
      <t>ギム</t>
    </rPh>
    <phoneticPr fontId="2"/>
  </si>
  <si>
    <t>現状</t>
    <rPh sb="0" eb="2">
      <t>ゲンジョウ</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定員）</t>
    <rPh sb="1" eb="3">
      <t>テイイン</t>
    </rPh>
    <phoneticPr fontId="2"/>
  </si>
  <si>
    <t>人</t>
    <rPh sb="0" eb="1">
      <t>ヒト</t>
    </rPh>
    <phoneticPr fontId="2"/>
  </si>
  <si>
    <t>施設入所支援</t>
  </si>
  <si>
    <t>内訳</t>
    <rPh sb="0" eb="2">
      <t>ウチワケ</t>
    </rPh>
    <phoneticPr fontId="2"/>
  </si>
  <si>
    <t>職業指導員</t>
    <rPh sb="0" eb="2">
      <t>ショクギョウ</t>
    </rPh>
    <rPh sb="2" eb="5">
      <t>シドウイン</t>
    </rPh>
    <phoneticPr fontId="2"/>
  </si>
  <si>
    <t>人（常勤</t>
    <rPh sb="0" eb="1">
      <t>ヒト</t>
    </rPh>
    <rPh sb="2" eb="4">
      <t>ジョウキン</t>
    </rPh>
    <phoneticPr fontId="2"/>
  </si>
  <si>
    <t xml:space="preserve">      人</t>
    <rPh sb="6" eb="7">
      <t>ヒト</t>
    </rPh>
    <phoneticPr fontId="2"/>
  </si>
  <si>
    <t>生活支援員</t>
    <rPh sb="0" eb="2">
      <t>セイカツ</t>
    </rPh>
    <rPh sb="2" eb="4">
      <t>シエン</t>
    </rPh>
    <rPh sb="4" eb="5">
      <t>イン</t>
    </rPh>
    <phoneticPr fontId="2"/>
  </si>
  <si>
    <t>就労支援員</t>
    <rPh sb="0" eb="2">
      <t>シュウロウ</t>
    </rPh>
    <rPh sb="2" eb="4">
      <t>シエン</t>
    </rPh>
    <rPh sb="4" eb="5">
      <t>イン</t>
    </rPh>
    <phoneticPr fontId="2"/>
  </si>
  <si>
    <t>医師</t>
    <rPh sb="0" eb="2">
      <t>イシ</t>
    </rPh>
    <phoneticPr fontId="2"/>
  </si>
  <si>
    <t>看護職員</t>
    <rPh sb="0" eb="2">
      <t>カンゴ</t>
    </rPh>
    <rPh sb="2" eb="4">
      <t>ショクイン</t>
    </rPh>
    <phoneticPr fontId="2"/>
  </si>
  <si>
    <t>理学療法士</t>
    <rPh sb="0" eb="2">
      <t>リガク</t>
    </rPh>
    <rPh sb="2" eb="5">
      <t>リョウホウシ</t>
    </rPh>
    <phoneticPr fontId="2"/>
  </si>
  <si>
    <t>作業療法士</t>
    <rPh sb="0" eb="2">
      <t>サギョウ</t>
    </rPh>
    <rPh sb="2" eb="5">
      <t>リョウホウシ</t>
    </rPh>
    <phoneticPr fontId="2"/>
  </si>
  <si>
    <t>　載してください。</t>
    <phoneticPr fontId="2"/>
  </si>
  <si>
    <t>　(1) 地方公共団体が設置する指定障害者支援施設</t>
    <rPh sb="5" eb="7">
      <t>チホウ</t>
    </rPh>
    <rPh sb="7" eb="9">
      <t>コウキョウ</t>
    </rPh>
    <rPh sb="9" eb="11">
      <t>ダンタイ</t>
    </rPh>
    <rPh sb="12" eb="14">
      <t>セッチ</t>
    </rPh>
    <rPh sb="16" eb="18">
      <t>シテイ</t>
    </rPh>
    <rPh sb="18" eb="21">
      <t>ショウガイシャ</t>
    </rPh>
    <rPh sb="21" eb="23">
      <t>シエン</t>
    </rPh>
    <rPh sb="23" eb="25">
      <t>シセツ</t>
    </rPh>
    <phoneticPr fontId="2"/>
  </si>
  <si>
    <t>　(3) 生活支援員の員数が基準に満たない場合によ</t>
    <rPh sb="5" eb="7">
      <t>セイカツ</t>
    </rPh>
    <rPh sb="7" eb="9">
      <t>シエン</t>
    </rPh>
    <rPh sb="9" eb="10">
      <t>イン</t>
    </rPh>
    <phoneticPr fontId="2"/>
  </si>
  <si>
    <t>　(4) 施設障害福祉サービス計画が作成されていな</t>
    <rPh sb="5" eb="7">
      <t>シセツ</t>
    </rPh>
    <rPh sb="7" eb="9">
      <t>ショウガイ</t>
    </rPh>
    <rPh sb="9" eb="11">
      <t>フクシ</t>
    </rPh>
    <rPh sb="15" eb="17">
      <t>ケイカク</t>
    </rPh>
    <rPh sb="18" eb="20">
      <t>サクセイ</t>
    </rPh>
    <phoneticPr fontId="2"/>
  </si>
  <si>
    <t>　　い場合による減算</t>
    <phoneticPr fontId="2"/>
  </si>
  <si>
    <t>　　減算</t>
    <rPh sb="3" eb="4">
      <t>ザン</t>
    </rPh>
    <phoneticPr fontId="2"/>
  </si>
  <si>
    <t>　年　月　日</t>
    <rPh sb="1" eb="2">
      <t>ネン</t>
    </rPh>
    <rPh sb="3" eb="4">
      <t>ガツ</t>
    </rPh>
    <rPh sb="5" eb="6">
      <t>ニチ</t>
    </rPh>
    <phoneticPr fontId="2"/>
  </si>
  <si>
    <t>　年　月</t>
    <rPh sb="1" eb="2">
      <t>トシ</t>
    </rPh>
    <rPh sb="3" eb="4">
      <t>ツキ</t>
    </rPh>
    <phoneticPr fontId="2"/>
  </si>
  <si>
    <t>㎡</t>
    <phoneticPr fontId="2"/>
  </si>
  <si>
    <t>防火戸・防火シャッター</t>
    <rPh sb="0" eb="2">
      <t>ボウカ</t>
    </rPh>
    <rPh sb="2" eb="3">
      <t>ト</t>
    </rPh>
    <rPh sb="4" eb="6">
      <t>ボウカ</t>
    </rPh>
    <phoneticPr fontId="2"/>
  </si>
  <si>
    <t>　(4) 視覚・聴覚言語障害者支援体制加算</t>
    <rPh sb="5" eb="7">
      <t>シカク</t>
    </rPh>
    <rPh sb="8" eb="10">
      <t>チョウカク</t>
    </rPh>
    <rPh sb="10" eb="12">
      <t>ゲンゴ</t>
    </rPh>
    <rPh sb="12" eb="14">
      <t>ショウガイ</t>
    </rPh>
    <rPh sb="14" eb="15">
      <t>シャ</t>
    </rPh>
    <rPh sb="15" eb="17">
      <t>シエン</t>
    </rPh>
    <rPh sb="17" eb="19">
      <t>タイセイ</t>
    </rPh>
    <rPh sb="19" eb="21">
      <t>カサン</t>
    </rPh>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該当する項目に○を付けてください。）</t>
    <rPh sb="1" eb="3">
      <t>ガイトウ</t>
    </rPh>
    <rPh sb="5" eb="7">
      <t>コウモク</t>
    </rPh>
    <rPh sb="10" eb="11">
      <t>ツ</t>
    </rPh>
    <phoneticPr fontId="2"/>
  </si>
  <si>
    <t>※実施している日中活動サービスに応じて、別シートにも記入し、提出してください。</t>
    <rPh sb="1" eb="3">
      <t>ジッシ</t>
    </rPh>
    <rPh sb="7" eb="9">
      <t>ニッチュウ</t>
    </rPh>
    <rPh sb="9" eb="11">
      <t>カツドウ</t>
    </rPh>
    <rPh sb="16" eb="17">
      <t>オウ</t>
    </rPh>
    <rPh sb="20" eb="21">
      <t>ベツ</t>
    </rPh>
    <rPh sb="26" eb="28">
      <t>キニュウ</t>
    </rPh>
    <rPh sb="30" eb="32">
      <t>テイシュ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施設入所支援】</t>
    <rPh sb="1" eb="3">
      <t>シセツ</t>
    </rPh>
    <rPh sb="3" eb="5">
      <t>ニュウショ</t>
    </rPh>
    <rPh sb="5" eb="7">
      <t>シエン</t>
    </rPh>
    <phoneticPr fontId="2"/>
  </si>
  <si>
    <t>　★　次の資料を添付し、提出してください。</t>
    <rPh sb="3" eb="4">
      <t>ツギ</t>
    </rPh>
    <rPh sb="5" eb="7">
      <t>シリョウ</t>
    </rPh>
    <rPh sb="8" eb="10">
      <t>テンプ</t>
    </rPh>
    <rPh sb="12" eb="14">
      <t>テイシュツ</t>
    </rPh>
    <phoneticPr fontId="2"/>
  </si>
  <si>
    <t>○</t>
    <phoneticPr fontId="2"/>
  </si>
  <si>
    <t>○</t>
    <phoneticPr fontId="2"/>
  </si>
  <si>
    <t>○</t>
    <phoneticPr fontId="2"/>
  </si>
  <si>
    <t>契約書（様式）</t>
    <rPh sb="0" eb="3">
      <t>ケイヤクショ</t>
    </rPh>
    <rPh sb="4" eb="6">
      <t>ヨウシキ</t>
    </rPh>
    <phoneticPr fontId="2"/>
  </si>
  <si>
    <t>重要事項説明書（様式）</t>
    <rPh sb="0" eb="2">
      <t>ジュウヨウ</t>
    </rPh>
    <rPh sb="2" eb="4">
      <t>ジコウ</t>
    </rPh>
    <rPh sb="4" eb="7">
      <t>セツメイショ</t>
    </rPh>
    <rPh sb="8" eb="10">
      <t>ヨウシキ</t>
    </rPh>
    <phoneticPr fontId="2"/>
  </si>
  <si>
    <t>運営規程</t>
    <rPh sb="0" eb="2">
      <t>ウンエイ</t>
    </rPh>
    <rPh sb="2" eb="4">
      <t>キテイ</t>
    </rPh>
    <phoneticPr fontId="2"/>
  </si>
  <si>
    <t>施設障害福祉サービス計画（氏名等個人を特定する情報は消してください。）</t>
    <rPh sb="2" eb="4">
      <t>ショウガイ</t>
    </rPh>
    <rPh sb="3" eb="4">
      <t>シショウ</t>
    </rPh>
    <rPh sb="4" eb="6">
      <t>フクシ</t>
    </rPh>
    <rPh sb="13" eb="16">
      <t>シメイトウ</t>
    </rPh>
    <rPh sb="16" eb="18">
      <t>コジン</t>
    </rPh>
    <rPh sb="23" eb="25">
      <t>ジョウホウ</t>
    </rPh>
    <rPh sb="26" eb="27">
      <t>ケ</t>
    </rPh>
    <phoneticPr fontId="2"/>
  </si>
  <si>
    <t>アセスメント票（様式）</t>
    <rPh sb="6" eb="7">
      <t>ヒョウ</t>
    </rPh>
    <rPh sb="8" eb="10">
      <t>ヨウシキ</t>
    </rPh>
    <phoneticPr fontId="2"/>
  </si>
  <si>
    <t>○</t>
    <phoneticPr fontId="2"/>
  </si>
  <si>
    <t>職員の一覧表</t>
    <rPh sb="0" eb="2">
      <t>ショクイン</t>
    </rPh>
    <rPh sb="3" eb="5">
      <t>イチラン</t>
    </rPh>
    <rPh sb="5" eb="6">
      <t>ヒョウ</t>
    </rPh>
    <phoneticPr fontId="2"/>
  </si>
  <si>
    <t>○</t>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　　   年   月   日記載）</t>
    <rPh sb="6" eb="7">
      <t>ネン</t>
    </rPh>
    <rPh sb="10" eb="11">
      <t>ガツ</t>
    </rPh>
    <rPh sb="14" eb="15">
      <t>ニチ</t>
    </rPh>
    <rPh sb="15" eb="17">
      <t>キサイ</t>
    </rPh>
    <phoneticPr fontId="2"/>
  </si>
  <si>
    <t>電子メールアドレス</t>
    <rPh sb="0" eb="2">
      <t>デンシ</t>
    </rPh>
    <phoneticPr fontId="2"/>
  </si>
  <si>
    <t>６　指定事業所番号</t>
    <rPh sb="2" eb="4">
      <t>シテイ</t>
    </rPh>
    <rPh sb="4" eb="7">
      <t>ジギョウショ</t>
    </rPh>
    <rPh sb="7" eb="9">
      <t>バンゴウ</t>
    </rPh>
    <phoneticPr fontId="2"/>
  </si>
  <si>
    <t>７　管理者の氏名</t>
    <rPh sb="2" eb="5">
      <t>カンリシャ</t>
    </rPh>
    <rPh sb="6" eb="8">
      <t>シメイ</t>
    </rPh>
    <phoneticPr fontId="2"/>
  </si>
  <si>
    <t>８　サービス管理責任者</t>
    <phoneticPr fontId="2"/>
  </si>
  <si>
    <t>９　従業者の員数</t>
    <phoneticPr fontId="2"/>
  </si>
  <si>
    <t>10　障害福祉サービスの</t>
    <phoneticPr fontId="2"/>
  </si>
  <si>
    <t>11　協力医療機関　</t>
    <rPh sb="3" eb="5">
      <t>キョウリョク</t>
    </rPh>
    <rPh sb="5" eb="7">
      <t>イリョウ</t>
    </rPh>
    <rPh sb="7" eb="9">
      <t>キカン</t>
    </rPh>
    <phoneticPr fontId="2"/>
  </si>
  <si>
    <t>12　各加算についての有無を記載してください。</t>
    <phoneticPr fontId="2"/>
  </si>
  <si>
    <t>13　減算についての有無を記載してください。</t>
    <rPh sb="3" eb="4">
      <t>ゲン</t>
    </rPh>
    <phoneticPr fontId="2"/>
  </si>
  <si>
    <t>16　建物の延べ床面積は何㎡ですか。複数建物がある場合は、それぞれ記載してください。</t>
    <rPh sb="3" eb="5">
      <t>タテモノ</t>
    </rPh>
    <rPh sb="6" eb="7">
      <t>ノ</t>
    </rPh>
    <rPh sb="8" eb="9">
      <t>ユカ</t>
    </rPh>
    <rPh sb="9" eb="11">
      <t>メンセキ</t>
    </rPh>
    <rPh sb="12" eb="13">
      <t>ナン</t>
    </rPh>
    <phoneticPr fontId="2"/>
  </si>
  <si>
    <t>17　防火設備等の状況について</t>
    <phoneticPr fontId="2"/>
  </si>
  <si>
    <t>18　防火管理者の責務について</t>
    <rPh sb="3" eb="5">
      <t>ボウカ</t>
    </rPh>
    <rPh sb="5" eb="8">
      <t>カンリシャ</t>
    </rPh>
    <rPh sb="9" eb="11">
      <t>セキム</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19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20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　(2) 利用者の数が利用定員を超える場合による減算</t>
    <rPh sb="5" eb="8">
      <t>リヨウシャ</t>
    </rPh>
    <rPh sb="9" eb="10">
      <t>カズ</t>
    </rPh>
    <rPh sb="11" eb="13">
      <t>リヨウ</t>
    </rPh>
    <rPh sb="13" eb="15">
      <t>テイイン</t>
    </rPh>
    <phoneticPr fontId="2"/>
  </si>
  <si>
    <t>　(18) 地域移行支援体制加算</t>
    <phoneticPr fontId="2"/>
  </si>
  <si>
    <t>　(19)　通院支援加算</t>
    <phoneticPr fontId="2"/>
  </si>
  <si>
    <t>　(21)　障害者支援施設等感染対策向上加算</t>
    <rPh sb="20" eb="22">
      <t>カサン</t>
    </rPh>
    <phoneticPr fontId="2"/>
  </si>
  <si>
    <t>　(22)　新興感染症等施設療養加算</t>
    <phoneticPr fontId="2"/>
  </si>
  <si>
    <t>　(10) 地域移行促進加算</t>
    <rPh sb="12" eb="14">
      <t>カサン</t>
    </rPh>
    <phoneticPr fontId="2"/>
  </si>
  <si>
    <t>　(20)　集中的支援加算</t>
    <rPh sb="11" eb="13">
      <t>カサン</t>
    </rPh>
    <phoneticPr fontId="2"/>
  </si>
  <si>
    <t>指定障害者支援施設　運営指導提出資料</t>
    <rPh sb="0" eb="2">
      <t>シテイ</t>
    </rPh>
    <rPh sb="2" eb="5">
      <t>ショウガイシャ</t>
    </rPh>
    <rPh sb="5" eb="7">
      <t>シエン</t>
    </rPh>
    <rPh sb="7" eb="9">
      <t>シセツ</t>
    </rPh>
    <rPh sb="10" eb="12">
      <t>ウンエイ</t>
    </rPh>
    <rPh sb="12" eb="14">
      <t>シドウ</t>
    </rPh>
    <rPh sb="14" eb="16">
      <t>テイシュツ</t>
    </rPh>
    <rPh sb="16" eb="18">
      <t>シリョウ</t>
    </rPh>
    <phoneticPr fontId="2"/>
  </si>
  <si>
    <t>あり（Ⅰ・Ⅱ・Ⅲ）</t>
    <phoneticPr fontId="2"/>
  </si>
  <si>
    <t>　(6) 入所時特別支援加算</t>
    <phoneticPr fontId="2"/>
  </si>
  <si>
    <t>　(7) 入院・外泊時加算</t>
    <phoneticPr fontId="2"/>
  </si>
  <si>
    <t>　(8) 入院時支援特別加算</t>
    <phoneticPr fontId="2"/>
  </si>
  <si>
    <t>　(9) 地域移行加算</t>
    <phoneticPr fontId="2"/>
  </si>
  <si>
    <t>　(11) 地域生活移行個別支援特別加算</t>
    <phoneticPr fontId="2"/>
  </si>
  <si>
    <t>　(12) 栄養マネジメント加算</t>
    <phoneticPr fontId="2"/>
  </si>
  <si>
    <t>　(13) 経口移行加算</t>
    <phoneticPr fontId="2"/>
  </si>
  <si>
    <t>　(14) 経口維持加算</t>
    <phoneticPr fontId="2"/>
  </si>
  <si>
    <t>　(15) 口腔衛生管理体制加算</t>
    <phoneticPr fontId="2"/>
  </si>
  <si>
    <t>　(16) 口腔衛生管理加算</t>
    <phoneticPr fontId="2"/>
  </si>
  <si>
    <t>　(17) 療養食加算</t>
    <phoneticPr fontId="2"/>
  </si>
  <si>
    <t>　(5) 配置されている栄養士が非常勤の場合による</t>
    <rPh sb="5" eb="7">
      <t>ハイチ</t>
    </rPh>
    <rPh sb="12" eb="15">
      <t>エイヨウシ</t>
    </rPh>
    <rPh sb="16" eb="19">
      <t>ヒジョウキン</t>
    </rPh>
    <rPh sb="20" eb="22">
      <t>バアイ</t>
    </rPh>
    <phoneticPr fontId="2"/>
  </si>
  <si>
    <t>　(6) 栄養士が配置されていない場合による減算</t>
    <rPh sb="5" eb="8">
      <t>エイヨウシ</t>
    </rPh>
    <rPh sb="9" eb="11">
      <t>ハイチ</t>
    </rPh>
    <rPh sb="17" eb="19">
      <t>バアイ</t>
    </rPh>
    <rPh sb="22" eb="24">
      <t>ゲンサン</t>
    </rPh>
    <phoneticPr fontId="2"/>
  </si>
  <si>
    <t>　ルアドレスを登録してありますか。</t>
    <rPh sb="7" eb="9">
      <t>トウロク</t>
    </rPh>
    <phoneticPr fontId="2"/>
  </si>
  <si>
    <t>21　障害福祉情報サービスかながわに事業所のメー</t>
    <rPh sb="3" eb="5">
      <t>ショウガイ</t>
    </rPh>
    <rPh sb="5" eb="7">
      <t>フクシ</t>
    </rPh>
    <rPh sb="7" eb="9">
      <t>ジョウホウ</t>
    </rPh>
    <rPh sb="18" eb="20">
      <t>ジギョウ</t>
    </rPh>
    <rPh sb="20" eb="21">
      <t>ショ</t>
    </rPh>
    <phoneticPr fontId="2"/>
  </si>
  <si>
    <t>あり(Ⅰ・Ⅲ・Ⅳ)</t>
    <phoneticPr fontId="2"/>
  </si>
  <si>
    <t>14　運営指導前月までの過去12ヶ月における各月の最も利用者数の多い日及び利用者数を記</t>
    <rPh sb="3" eb="5">
      <t>ウンエイ</t>
    </rPh>
    <rPh sb="35" eb="36">
      <t>オヨ</t>
    </rPh>
    <phoneticPr fontId="2"/>
  </si>
  <si>
    <t>15　運営指導前月までの過去12ヶ月における月別延べ利用者数及び開所日数を記載してくだ</t>
    <rPh sb="3" eb="5">
      <t>ウンエイ</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　(5) 高次脳機能障害者支援体制加算</t>
    <phoneticPr fontId="2"/>
  </si>
  <si>
    <t xml:space="preserve">  (23)  福祉・介護職員等処遇改善加算</t>
    <rPh sb="8" eb="10">
      <t>フクシ</t>
    </rPh>
    <rPh sb="11" eb="13">
      <t>カイゴ</t>
    </rPh>
    <rPh sb="13" eb="15">
      <t>ショクイン</t>
    </rPh>
    <rPh sb="15" eb="16">
      <t>トウ</t>
    </rPh>
    <rPh sb="16" eb="18">
      <t>ショグウ</t>
    </rPh>
    <rPh sb="18" eb="20">
      <t>カイゼン</t>
    </rPh>
    <rPh sb="20" eb="22">
      <t>カサン</t>
    </rPh>
    <phoneticPr fontId="2"/>
  </si>
  <si>
    <t>今年度指定障害福祉サービス事業所等自己点検シート【施設入所支援】（運営編）</t>
    <rPh sb="0" eb="3">
      <t>コンネンド</t>
    </rPh>
    <rPh sb="25" eb="27">
      <t>シセツ</t>
    </rPh>
    <rPh sb="27" eb="29">
      <t>ニュウショ</t>
    </rPh>
    <rPh sb="29" eb="31">
      <t>シエン</t>
    </rPh>
    <rPh sb="33" eb="35">
      <t>ウンエイ</t>
    </rPh>
    <rPh sb="35" eb="36">
      <t>ヘン</t>
    </rPh>
    <phoneticPr fontId="2"/>
  </si>
  <si>
    <t>今年度指定障害福祉サービス事業所等自己点検シート【施設入所支援】（報酬編）</t>
    <rPh sb="0" eb="3">
      <t>コンネンド</t>
    </rPh>
    <rPh sb="25" eb="27">
      <t>シセツ</t>
    </rPh>
    <rPh sb="27" eb="29">
      <t>ニュウショ</t>
    </rPh>
    <rPh sb="29" eb="31">
      <t>シエン</t>
    </rPh>
    <rPh sb="33" eb="35">
      <t>ホウシュウ</t>
    </rPh>
    <rPh sb="35" eb="36">
      <t>ヘン</t>
    </rPh>
    <phoneticPr fontId="2"/>
  </si>
  <si>
    <t>　(7) 身体拘束廃止未実施減算</t>
    <rPh sb="5" eb="7">
      <t>シンタイ</t>
    </rPh>
    <rPh sb="7" eb="9">
      <t>コウソク</t>
    </rPh>
    <rPh sb="9" eb="11">
      <t>ハイシ</t>
    </rPh>
    <rPh sb="11" eb="14">
      <t>ミジッシ</t>
    </rPh>
    <rPh sb="14" eb="16">
      <t>ゲンサン</t>
    </rPh>
    <phoneticPr fontId="2"/>
  </si>
  <si>
    <t xml:space="preserve"> （8）虐待防止措置未実施減算</t>
    <phoneticPr fontId="2"/>
  </si>
  <si>
    <t>　(9) 業務継続計画未策定減算</t>
    <rPh sb="5" eb="7">
      <t>ギョウム</t>
    </rPh>
    <rPh sb="7" eb="9">
      <t>ケイゾク</t>
    </rPh>
    <rPh sb="9" eb="11">
      <t>ケイカク</t>
    </rPh>
    <rPh sb="11" eb="12">
      <t>ミ</t>
    </rPh>
    <rPh sb="12" eb="14">
      <t>サクテイ</t>
    </rPh>
    <rPh sb="14" eb="16">
      <t>ゲンサン</t>
    </rPh>
    <phoneticPr fontId="2"/>
  </si>
  <si>
    <t>　(10) 情報公表未報告減算</t>
    <phoneticPr fontId="2"/>
  </si>
  <si>
    <t>　(11) 地域移行等意向確認体制未整備減算</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color theme="1"/>
      <name val="ＭＳ ゴシック"/>
      <family val="3"/>
      <charset val="128"/>
    </font>
    <font>
      <sz val="11"/>
      <color theme="1"/>
      <name val="ＭＳ 明朝"/>
      <family val="1"/>
      <charset val="128"/>
    </font>
    <font>
      <b/>
      <sz val="12"/>
      <color theme="1"/>
      <name val="ＭＳ 明朝"/>
      <family val="1"/>
      <charset val="128"/>
    </font>
    <font>
      <sz val="12"/>
      <color theme="1"/>
      <name val="ＭＳ 明朝"/>
      <family val="1"/>
      <charset val="128"/>
    </font>
    <font>
      <u/>
      <sz val="12"/>
      <color theme="1"/>
      <name val="ＭＳ 明朝"/>
      <family val="1"/>
      <charset val="128"/>
    </font>
    <font>
      <sz val="11"/>
      <color theme="1"/>
      <name val="ＭＳ Ｐゴシック"/>
      <family val="3"/>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9">
    <border>
      <left/>
      <right/>
      <top/>
      <bottom/>
      <diagonal/>
    </border>
    <border>
      <left/>
      <right/>
      <top/>
      <bottom style="thin">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10" applyNumberFormat="0" applyAlignment="0" applyProtection="0">
      <alignment vertical="center"/>
    </xf>
    <xf numFmtId="0" fontId="11" fillId="29" borderId="0" applyNumberFormat="0" applyBorder="0" applyAlignment="0" applyProtection="0">
      <alignment vertical="center"/>
    </xf>
    <xf numFmtId="0" fontId="1" fillId="2" borderId="11" applyNumberFormat="0" applyFont="0" applyAlignment="0" applyProtection="0">
      <alignment vertical="center"/>
    </xf>
    <xf numFmtId="0" fontId="12" fillId="0" borderId="12" applyNumberFormat="0" applyFill="0" applyAlignment="0" applyProtection="0">
      <alignment vertical="center"/>
    </xf>
    <xf numFmtId="0" fontId="13" fillId="30" borderId="0" applyNumberFormat="0" applyBorder="0" applyAlignment="0" applyProtection="0">
      <alignment vertical="center"/>
    </xf>
    <xf numFmtId="0" fontId="14" fillId="31" borderId="13" applyNumberFormat="0" applyAlignment="0" applyProtection="0">
      <alignment vertical="center"/>
    </xf>
    <xf numFmtId="0" fontId="8" fillId="0" borderId="0" applyNumberFormat="0" applyFill="0" applyBorder="0" applyAlignment="0" applyProtection="0">
      <alignment vertical="center"/>
    </xf>
    <xf numFmtId="0" fontId="15" fillId="0" borderId="14" applyNumberFormat="0" applyFill="0" applyAlignment="0" applyProtection="0">
      <alignment vertical="center"/>
    </xf>
    <xf numFmtId="0" fontId="16" fillId="0" borderId="15" applyNumberFormat="0" applyFill="0" applyAlignment="0" applyProtection="0">
      <alignment vertical="center"/>
    </xf>
    <xf numFmtId="0" fontId="17" fillId="0" borderId="16" applyNumberFormat="0" applyFill="0" applyAlignment="0" applyProtection="0">
      <alignment vertical="center"/>
    </xf>
    <xf numFmtId="0" fontId="17" fillId="0" borderId="0" applyNumberFormat="0" applyFill="0" applyBorder="0" applyAlignment="0" applyProtection="0">
      <alignment vertical="center"/>
    </xf>
    <xf numFmtId="0" fontId="9" fillId="0" borderId="17" applyNumberFormat="0" applyFill="0" applyAlignment="0" applyProtection="0">
      <alignment vertical="center"/>
    </xf>
    <xf numFmtId="0" fontId="18" fillId="31" borderId="18" applyNumberFormat="0" applyAlignment="0" applyProtection="0">
      <alignment vertical="center"/>
    </xf>
    <xf numFmtId="0" fontId="19" fillId="0" borderId="0" applyNumberFormat="0" applyFill="0" applyBorder="0" applyAlignment="0" applyProtection="0">
      <alignment vertical="center"/>
    </xf>
    <xf numFmtId="0" fontId="20" fillId="3" borderId="13"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68">
    <xf numFmtId="0" fontId="0" fillId="0" borderId="0" xfId="0" applyAlignment="1"/>
    <xf numFmtId="0" fontId="23" fillId="0" borderId="0" xfId="0" applyFont="1" applyFill="1" applyAlignment="1"/>
    <xf numFmtId="0" fontId="22" fillId="0" borderId="0" xfId="0" applyFont="1" applyFill="1" applyAlignment="1">
      <alignment horizontal="center" vertical="center" shrinkToFit="1"/>
    </xf>
    <xf numFmtId="0" fontId="22" fillId="0" borderId="0" xfId="0" applyFont="1" applyFill="1" applyAlignment="1">
      <alignment horizontal="center" vertical="center"/>
    </xf>
    <xf numFmtId="0" fontId="22" fillId="0" borderId="0" xfId="0" applyFont="1" applyFill="1" applyAlignment="1">
      <alignment horizontal="right" vertical="center"/>
    </xf>
    <xf numFmtId="0" fontId="24" fillId="0" borderId="0" xfId="0" applyFont="1" applyFill="1" applyAlignment="1">
      <alignment vertical="center"/>
    </xf>
    <xf numFmtId="0" fontId="25" fillId="0" borderId="0" xfId="0" applyFont="1" applyFill="1" applyAlignment="1">
      <alignment vertical="center"/>
    </xf>
    <xf numFmtId="0" fontId="25" fillId="0" borderId="0" xfId="0" applyFont="1" applyFill="1" applyAlignment="1">
      <alignment horizontal="right" vertical="center"/>
    </xf>
    <xf numFmtId="49" fontId="25" fillId="0" borderId="0" xfId="0" applyNumberFormat="1" applyFont="1" applyFill="1" applyAlignment="1">
      <alignment vertical="center"/>
    </xf>
    <xf numFmtId="0" fontId="24" fillId="0" borderId="0" xfId="0" applyFont="1" applyFill="1" applyAlignment="1">
      <alignment horizontal="right" vertical="center"/>
    </xf>
    <xf numFmtId="0" fontId="24" fillId="0" borderId="0" xfId="0" applyFont="1" applyFill="1" applyBorder="1" applyAlignment="1">
      <alignment horizontal="left" vertical="center"/>
    </xf>
    <xf numFmtId="0" fontId="25" fillId="0" borderId="0" xfId="0" applyFont="1" applyFill="1" applyBorder="1" applyAlignment="1">
      <alignment horizontal="left" vertical="center"/>
    </xf>
    <xf numFmtId="0" fontId="25" fillId="0" borderId="1" xfId="0" applyFont="1" applyFill="1" applyBorder="1" applyAlignment="1">
      <alignment vertical="center"/>
    </xf>
    <xf numFmtId="0" fontId="25" fillId="0" borderId="0" xfId="0" applyFont="1" applyFill="1" applyBorder="1" applyAlignment="1">
      <alignment vertical="center"/>
    </xf>
    <xf numFmtId="0" fontId="25" fillId="0" borderId="2" xfId="0" applyFont="1" applyFill="1" applyBorder="1" applyAlignment="1">
      <alignment vertical="center"/>
    </xf>
    <xf numFmtId="0" fontId="23" fillId="0" borderId="0" xfId="0" applyFont="1" applyFill="1" applyAlignment="1">
      <alignment vertical="center"/>
    </xf>
    <xf numFmtId="0" fontId="23" fillId="0" borderId="0" xfId="0" applyFont="1" applyFill="1" applyBorder="1" applyAlignment="1">
      <alignment vertical="center"/>
    </xf>
    <xf numFmtId="0" fontId="25" fillId="0" borderId="0" xfId="0" applyFont="1" applyFill="1" applyAlignment="1">
      <alignment vertical="center" wrapText="1"/>
    </xf>
    <xf numFmtId="0" fontId="26" fillId="0" borderId="0" xfId="0" applyFont="1" applyFill="1" applyAlignment="1">
      <alignment vertical="center"/>
    </xf>
    <xf numFmtId="0" fontId="25" fillId="0" borderId="0" xfId="0" applyFont="1" applyFill="1" applyBorder="1" applyAlignment="1">
      <alignment vertical="center" shrinkToFit="1"/>
    </xf>
    <xf numFmtId="0" fontId="25" fillId="0" borderId="0" xfId="0" applyFont="1" applyFill="1" applyBorder="1" applyAlignment="1">
      <alignment horizontal="right" vertical="center" shrinkToFit="1"/>
    </xf>
    <xf numFmtId="0" fontId="25" fillId="0" borderId="0" xfId="0" applyFont="1" applyFill="1" applyBorder="1" applyAlignment="1">
      <alignment horizontal="right" vertical="center"/>
    </xf>
    <xf numFmtId="0" fontId="25" fillId="0" borderId="1" xfId="0" applyFont="1" applyFill="1" applyBorder="1" applyAlignment="1">
      <alignment vertical="center" shrinkToFit="1"/>
    </xf>
    <xf numFmtId="0" fontId="25" fillId="0" borderId="0" xfId="0" applyFont="1" applyFill="1" applyAlignment="1"/>
    <xf numFmtId="0" fontId="25" fillId="0" borderId="0" xfId="0" applyFont="1" applyFill="1" applyAlignment="1">
      <alignment horizontal="center" vertical="center"/>
    </xf>
    <xf numFmtId="49" fontId="25" fillId="0" borderId="0" xfId="0" applyNumberFormat="1" applyFont="1" applyFill="1" applyBorder="1" applyAlignment="1">
      <alignment horizontal="left" vertical="center"/>
    </xf>
    <xf numFmtId="49" fontId="25" fillId="0" borderId="0" xfId="0" applyNumberFormat="1" applyFont="1" applyFill="1" applyBorder="1" applyAlignment="1">
      <alignment horizontal="left" vertical="center" wrapText="1"/>
    </xf>
    <xf numFmtId="0" fontId="25" fillId="0" borderId="0" xfId="41" applyFont="1" applyFill="1" applyBorder="1" applyAlignment="1">
      <alignment vertical="center"/>
    </xf>
    <xf numFmtId="0" fontId="25" fillId="0" borderId="0" xfId="41" applyFont="1" applyFill="1" applyAlignment="1">
      <alignment vertical="center"/>
    </xf>
    <xf numFmtId="0" fontId="25" fillId="0" borderId="3" xfId="0" applyFont="1" applyFill="1" applyBorder="1" applyAlignment="1">
      <alignment vertical="center" shrinkToFit="1"/>
    </xf>
    <xf numFmtId="55" fontId="25" fillId="0" borderId="3" xfId="0" applyNumberFormat="1" applyFont="1" applyFill="1" applyBorder="1" applyAlignment="1">
      <alignment horizontal="center" vertical="center" shrinkToFit="1"/>
    </xf>
    <xf numFmtId="0" fontId="25" fillId="0" borderId="3" xfId="0" applyFont="1" applyFill="1" applyBorder="1" applyAlignment="1">
      <alignment horizontal="right" vertical="center"/>
    </xf>
    <xf numFmtId="49" fontId="25" fillId="0" borderId="0" xfId="0" applyNumberFormat="1" applyFont="1" applyFill="1" applyAlignment="1">
      <alignment horizontal="left" vertical="center"/>
    </xf>
    <xf numFmtId="0" fontId="25" fillId="0" borderId="3" xfId="0" applyFont="1" applyFill="1" applyBorder="1" applyAlignment="1">
      <alignment horizontal="center" vertical="center" shrinkToFit="1"/>
    </xf>
    <xf numFmtId="0" fontId="25" fillId="0" borderId="4" xfId="0" applyFont="1" applyFill="1" applyBorder="1" applyAlignment="1">
      <alignment vertical="center"/>
    </xf>
    <xf numFmtId="0" fontId="25" fillId="0" borderId="6" xfId="0" applyFont="1" applyFill="1" applyBorder="1" applyAlignment="1">
      <alignment vertical="center"/>
    </xf>
    <xf numFmtId="0" fontId="25" fillId="0" borderId="5" xfId="0" applyFont="1" applyFill="1" applyBorder="1" applyAlignment="1">
      <alignment vertical="center"/>
    </xf>
    <xf numFmtId="0" fontId="25" fillId="0" borderId="3" xfId="0" applyFont="1" applyFill="1" applyBorder="1" applyAlignment="1">
      <alignment horizontal="center" vertical="center"/>
    </xf>
    <xf numFmtId="0" fontId="25" fillId="0" borderId="4" xfId="0" applyFont="1" applyFill="1" applyBorder="1" applyAlignment="1">
      <alignment horizontal="left" vertical="center"/>
    </xf>
    <xf numFmtId="0" fontId="25" fillId="0" borderId="6" xfId="0" applyFont="1" applyFill="1" applyBorder="1" applyAlignment="1">
      <alignment horizontal="left" vertical="center"/>
    </xf>
    <xf numFmtId="0" fontId="25" fillId="0" borderId="5" xfId="0" applyFont="1" applyFill="1" applyBorder="1" applyAlignment="1">
      <alignment horizontal="left" vertical="center"/>
    </xf>
    <xf numFmtId="49" fontId="25" fillId="0" borderId="0" xfId="0" applyNumberFormat="1" applyFont="1" applyFill="1" applyAlignment="1">
      <alignment horizontal="right" vertical="center"/>
    </xf>
    <xf numFmtId="0" fontId="25" fillId="0" borderId="0" xfId="0" applyFont="1" applyFill="1" applyAlignment="1">
      <alignment horizontal="left" vertical="center"/>
    </xf>
    <xf numFmtId="49" fontId="23" fillId="0" borderId="0" xfId="0" applyNumberFormat="1" applyFont="1" applyFill="1" applyBorder="1" applyAlignment="1">
      <alignment horizontal="center"/>
    </xf>
    <xf numFmtId="0" fontId="27" fillId="0" borderId="0" xfId="0" applyFont="1" applyFill="1" applyBorder="1" applyAlignment="1"/>
    <xf numFmtId="0" fontId="23" fillId="0" borderId="0" xfId="0" applyFont="1" applyFill="1" applyBorder="1" applyAlignment="1">
      <alignment horizontal="right"/>
    </xf>
    <xf numFmtId="49" fontId="23" fillId="0" borderId="0" xfId="0" applyNumberFormat="1" applyFont="1" applyFill="1" applyBorder="1" applyAlignment="1"/>
    <xf numFmtId="49" fontId="25" fillId="0" borderId="0" xfId="0" applyNumberFormat="1" applyFont="1" applyFill="1" applyAlignment="1"/>
    <xf numFmtId="49" fontId="23" fillId="0" borderId="0" xfId="0" applyNumberFormat="1" applyFont="1" applyFill="1" applyAlignment="1"/>
    <xf numFmtId="0" fontId="22" fillId="0" borderId="0" xfId="0" applyFont="1" applyFill="1" applyAlignment="1">
      <alignment horizontal="center" vertical="center" shrinkToFit="1"/>
    </xf>
    <xf numFmtId="0" fontId="25" fillId="0" borderId="0" xfId="0" applyFont="1" applyFill="1" applyAlignment="1">
      <alignment vertical="center"/>
    </xf>
    <xf numFmtId="0" fontId="25" fillId="0" borderId="4" xfId="0" applyFont="1" applyFill="1" applyBorder="1" applyAlignment="1">
      <alignment horizontal="center" vertical="center"/>
    </xf>
    <xf numFmtId="0" fontId="25" fillId="0" borderId="6" xfId="0" applyFont="1" applyFill="1" applyBorder="1" applyAlignment="1">
      <alignment horizontal="center" vertical="center"/>
    </xf>
    <xf numFmtId="0" fontId="25" fillId="0" borderId="5" xfId="0" applyFont="1" applyFill="1" applyBorder="1" applyAlignment="1">
      <alignment horizontal="center" vertical="center"/>
    </xf>
    <xf numFmtId="0" fontId="25" fillId="0" borderId="4" xfId="0" applyFont="1" applyFill="1" applyBorder="1" applyAlignment="1">
      <alignment horizontal="center" vertical="center" shrinkToFit="1"/>
    </xf>
    <xf numFmtId="0" fontId="25" fillId="0" borderId="6" xfId="0" applyFont="1" applyFill="1" applyBorder="1" applyAlignment="1">
      <alignment horizontal="center" vertical="center" shrinkToFit="1"/>
    </xf>
    <xf numFmtId="0" fontId="25" fillId="0" borderId="5" xfId="0" applyFont="1" applyFill="1" applyBorder="1" applyAlignment="1">
      <alignment horizontal="center" vertical="center" shrinkToFit="1"/>
    </xf>
    <xf numFmtId="0" fontId="25" fillId="0" borderId="0" xfId="0" applyFont="1" applyFill="1" applyAlignment="1">
      <alignment horizontal="center" vertical="center"/>
    </xf>
    <xf numFmtId="0" fontId="25" fillId="0" borderId="7" xfId="0" applyFont="1" applyFill="1" applyBorder="1" applyAlignment="1">
      <alignment horizontal="center" vertical="center" textRotation="255" shrinkToFit="1"/>
    </xf>
    <xf numFmtId="0" fontId="25" fillId="0" borderId="8" xfId="0" applyFont="1" applyFill="1" applyBorder="1" applyAlignment="1">
      <alignment horizontal="center" vertical="center" textRotation="255" shrinkToFit="1"/>
    </xf>
    <xf numFmtId="0" fontId="25" fillId="0" borderId="9" xfId="0" applyFont="1" applyFill="1" applyBorder="1" applyAlignment="1">
      <alignment horizontal="center" vertical="center" textRotation="255" shrinkToFit="1"/>
    </xf>
    <xf numFmtId="0" fontId="25" fillId="0" borderId="4" xfId="0" applyFont="1" applyFill="1" applyBorder="1" applyAlignment="1">
      <alignment horizontal="left" vertical="center" shrinkToFit="1"/>
    </xf>
    <xf numFmtId="0" fontId="25" fillId="0" borderId="6" xfId="0" applyFont="1" applyFill="1" applyBorder="1" applyAlignment="1">
      <alignment horizontal="left" vertical="center" shrinkToFit="1"/>
    </xf>
    <xf numFmtId="0" fontId="25" fillId="0" borderId="5" xfId="0" applyFont="1" applyFill="1" applyBorder="1" applyAlignment="1">
      <alignment horizontal="left" vertical="center" shrinkToFit="1"/>
    </xf>
    <xf numFmtId="0" fontId="25" fillId="0" borderId="7" xfId="0" applyFont="1" applyFill="1" applyBorder="1" applyAlignment="1">
      <alignment horizontal="center" vertical="center" textRotation="255"/>
    </xf>
    <xf numFmtId="0" fontId="25" fillId="0" borderId="8" xfId="0" applyFont="1" applyFill="1" applyBorder="1" applyAlignment="1">
      <alignment horizontal="center" vertical="center" textRotation="255"/>
    </xf>
    <xf numFmtId="0" fontId="25" fillId="0" borderId="9" xfId="0" applyFont="1" applyFill="1" applyBorder="1" applyAlignment="1">
      <alignment horizontal="center" vertical="center" textRotation="255"/>
    </xf>
    <xf numFmtId="0" fontId="25" fillId="0" borderId="0" xfId="41" applyFont="1" applyFill="1" applyAlignment="1">
      <alignmen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48"/>
  <sheetViews>
    <sheetView tabSelected="1" view="pageBreakPreview" zoomScaleNormal="100" zoomScaleSheetLayoutView="100" workbookViewId="0">
      <selection activeCell="B4" sqref="B4"/>
    </sheetView>
  </sheetViews>
  <sheetFormatPr defaultColWidth="9" defaultRowHeight="13" x14ac:dyDescent="0.2"/>
  <cols>
    <col min="1" max="1" width="9" style="48" customWidth="1"/>
    <col min="2" max="8" width="9" style="1"/>
    <col min="9" max="9" width="10" style="1" customWidth="1"/>
    <col min="10" max="10" width="11.08984375" style="1" customWidth="1"/>
    <col min="11" max="16384" width="9" style="1"/>
  </cols>
  <sheetData>
    <row r="1" spans="1:10" ht="19" x14ac:dyDescent="0.2">
      <c r="A1" s="49" t="s">
        <v>142</v>
      </c>
      <c r="B1" s="49"/>
      <c r="C1" s="49"/>
      <c r="D1" s="49"/>
      <c r="E1" s="49"/>
      <c r="F1" s="49"/>
      <c r="G1" s="49"/>
      <c r="H1" s="49"/>
      <c r="I1" s="49"/>
      <c r="J1" s="49"/>
    </row>
    <row r="2" spans="1:10" ht="19" x14ac:dyDescent="0.2">
      <c r="A2" s="2"/>
      <c r="B2" s="2"/>
      <c r="C2" s="2"/>
      <c r="D2" s="2"/>
      <c r="E2" s="2"/>
      <c r="F2" s="2"/>
      <c r="G2" s="2"/>
      <c r="H2" s="3"/>
      <c r="I2" s="4"/>
      <c r="J2" s="4" t="s">
        <v>98</v>
      </c>
    </row>
    <row r="3" spans="1:10" ht="19" x14ac:dyDescent="0.2">
      <c r="A3" s="2"/>
      <c r="B3" s="2"/>
      <c r="C3" s="2"/>
      <c r="D3" s="2"/>
      <c r="E3" s="2"/>
      <c r="F3" s="2"/>
      <c r="G3" s="2"/>
      <c r="H3" s="3"/>
      <c r="I3" s="4"/>
      <c r="J3" s="4"/>
    </row>
    <row r="4" spans="1:10" s="6" customFormat="1" ht="14.25" customHeight="1" x14ac:dyDescent="0.2">
      <c r="A4" s="5"/>
      <c r="J4" s="7" t="s">
        <v>114</v>
      </c>
    </row>
    <row r="5" spans="1:10" s="6" customFormat="1" ht="14.25" customHeight="1" x14ac:dyDescent="0.2">
      <c r="A5" s="8"/>
      <c r="B5" s="9"/>
      <c r="C5" s="9"/>
      <c r="D5" s="9"/>
      <c r="E5" s="9"/>
      <c r="F5" s="9"/>
      <c r="G5" s="10"/>
      <c r="H5" s="11"/>
      <c r="I5" s="11"/>
    </row>
    <row r="6" spans="1:10" s="6" customFormat="1" ht="14.25" customHeight="1" x14ac:dyDescent="0.2">
      <c r="A6" s="8" t="s">
        <v>14</v>
      </c>
      <c r="D6" s="12"/>
      <c r="E6" s="12"/>
      <c r="F6" s="12"/>
      <c r="G6" s="12"/>
      <c r="H6" s="12"/>
      <c r="I6" s="12"/>
    </row>
    <row r="7" spans="1:10" s="6" customFormat="1" ht="14.25" customHeight="1" x14ac:dyDescent="0.2">
      <c r="A7" s="8"/>
    </row>
    <row r="8" spans="1:10" s="6" customFormat="1" ht="14.25" customHeight="1" x14ac:dyDescent="0.2">
      <c r="A8" s="8" t="s">
        <v>15</v>
      </c>
      <c r="D8" s="12"/>
      <c r="E8" s="12"/>
      <c r="F8" s="12"/>
      <c r="G8" s="12"/>
      <c r="H8" s="12"/>
      <c r="I8" s="12"/>
    </row>
    <row r="9" spans="1:10" s="6" customFormat="1" ht="14.25" customHeight="1" x14ac:dyDescent="0.2">
      <c r="A9" s="8"/>
      <c r="D9" s="13"/>
      <c r="E9" s="13"/>
      <c r="F9" s="13"/>
      <c r="G9" s="13"/>
      <c r="H9" s="13"/>
      <c r="I9" s="13"/>
    </row>
    <row r="10" spans="1:10" s="6" customFormat="1" ht="14.25" customHeight="1" x14ac:dyDescent="0.2">
      <c r="A10" s="8" t="s">
        <v>16</v>
      </c>
      <c r="D10" s="12" t="s">
        <v>3</v>
      </c>
      <c r="E10" s="12"/>
      <c r="F10" s="12"/>
      <c r="G10" s="12"/>
      <c r="H10" s="12"/>
      <c r="I10" s="12"/>
    </row>
    <row r="11" spans="1:10" s="6" customFormat="1" ht="14.25" customHeight="1" x14ac:dyDescent="0.2">
      <c r="A11" s="8"/>
    </row>
    <row r="12" spans="1:10" s="6" customFormat="1" ht="14.25" customHeight="1" x14ac:dyDescent="0.2">
      <c r="A12" s="8"/>
      <c r="D12" s="12"/>
      <c r="E12" s="12"/>
      <c r="F12" s="12"/>
      <c r="G12" s="12"/>
      <c r="H12" s="12"/>
      <c r="I12" s="12"/>
    </row>
    <row r="13" spans="1:10" s="6" customFormat="1" ht="14.25" customHeight="1" x14ac:dyDescent="0.2">
      <c r="A13" s="8"/>
      <c r="D13" s="14"/>
      <c r="E13" s="14"/>
      <c r="F13" s="14"/>
      <c r="G13" s="14"/>
      <c r="H13" s="14"/>
      <c r="I13" s="14"/>
    </row>
    <row r="14" spans="1:10" s="6" customFormat="1" ht="14.25" customHeight="1" x14ac:dyDescent="0.2">
      <c r="A14" s="8" t="s">
        <v>22</v>
      </c>
      <c r="D14" s="12"/>
      <c r="E14" s="12"/>
      <c r="F14" s="12"/>
      <c r="G14" s="12"/>
      <c r="H14" s="12"/>
      <c r="I14" s="12"/>
    </row>
    <row r="15" spans="1:10" s="6" customFormat="1" ht="14.25" customHeight="1" x14ac:dyDescent="0.2">
      <c r="A15" s="8"/>
      <c r="D15" s="13"/>
      <c r="E15" s="13"/>
      <c r="F15" s="13"/>
      <c r="G15" s="13"/>
      <c r="H15" s="13"/>
      <c r="I15" s="13"/>
    </row>
    <row r="16" spans="1:10" s="6" customFormat="1" ht="14.25" customHeight="1" x14ac:dyDescent="0.2">
      <c r="A16" s="8" t="s">
        <v>23</v>
      </c>
      <c r="D16" s="12" t="s">
        <v>3</v>
      </c>
      <c r="E16" s="12"/>
      <c r="F16" s="12"/>
      <c r="G16" s="12"/>
      <c r="H16" s="12"/>
      <c r="I16" s="12"/>
    </row>
    <row r="17" spans="1:11" s="6" customFormat="1" ht="14.25" customHeight="1" x14ac:dyDescent="0.2">
      <c r="A17" s="8"/>
    </row>
    <row r="18" spans="1:11" s="6" customFormat="1" ht="14.25" customHeight="1" x14ac:dyDescent="0.2">
      <c r="A18" s="8"/>
      <c r="D18" s="12"/>
      <c r="E18" s="12"/>
      <c r="F18" s="12"/>
      <c r="G18" s="12"/>
      <c r="H18" s="12"/>
      <c r="I18" s="12"/>
    </row>
    <row r="19" spans="1:11" s="6" customFormat="1" ht="14.25" customHeight="1" x14ac:dyDescent="0.2">
      <c r="A19" s="8"/>
    </row>
    <row r="20" spans="1:11" s="6" customFormat="1" ht="14.25" customHeight="1" x14ac:dyDescent="0.2">
      <c r="A20" s="8"/>
      <c r="D20" s="12" t="s">
        <v>4</v>
      </c>
      <c r="E20" s="12"/>
      <c r="F20" s="12"/>
      <c r="G20" s="12"/>
      <c r="H20" s="12"/>
      <c r="I20" s="12"/>
    </row>
    <row r="21" spans="1:11" s="6" customFormat="1" ht="14.25" customHeight="1" x14ac:dyDescent="0.2">
      <c r="A21" s="8"/>
    </row>
    <row r="22" spans="1:11" s="6" customFormat="1" ht="14.25" customHeight="1" x14ac:dyDescent="0.2">
      <c r="A22" s="8"/>
      <c r="D22" s="12" t="s">
        <v>5</v>
      </c>
      <c r="E22" s="12"/>
      <c r="F22" s="12"/>
      <c r="G22" s="12"/>
      <c r="H22" s="12"/>
      <c r="I22" s="12"/>
    </row>
    <row r="23" spans="1:11" s="6" customFormat="1" ht="14.25" customHeight="1" x14ac:dyDescent="0.2">
      <c r="A23" s="8"/>
    </row>
    <row r="24" spans="1:11" s="15" customFormat="1" ht="14.25" customHeight="1" x14ac:dyDescent="0.2">
      <c r="A24" s="6"/>
      <c r="B24" s="6"/>
      <c r="C24" s="6"/>
      <c r="D24" s="12" t="s">
        <v>115</v>
      </c>
      <c r="E24" s="12"/>
      <c r="F24" s="12"/>
      <c r="G24" s="12"/>
      <c r="H24" s="12"/>
      <c r="I24" s="12"/>
      <c r="J24" s="6"/>
      <c r="K24" s="6"/>
    </row>
    <row r="25" spans="1:11" s="16" customFormat="1" ht="14.25" customHeight="1" x14ac:dyDescent="0.2">
      <c r="A25" s="13"/>
      <c r="B25" s="13"/>
      <c r="C25" s="13"/>
      <c r="D25" s="13"/>
      <c r="E25" s="13"/>
      <c r="F25" s="13"/>
      <c r="G25" s="13"/>
      <c r="H25" s="13"/>
      <c r="I25" s="13"/>
      <c r="J25" s="13"/>
      <c r="K25" s="13"/>
    </row>
    <row r="26" spans="1:11" s="16" customFormat="1" ht="14.25" customHeight="1" x14ac:dyDescent="0.2">
      <c r="A26" s="13" t="s">
        <v>116</v>
      </c>
      <c r="B26" s="13"/>
      <c r="C26" s="13"/>
      <c r="D26" s="12"/>
      <c r="E26" s="12"/>
      <c r="F26" s="12"/>
      <c r="G26" s="12"/>
      <c r="H26" s="12"/>
      <c r="I26" s="12"/>
      <c r="J26" s="13"/>
      <c r="K26" s="13"/>
    </row>
    <row r="27" spans="1:11" s="6" customFormat="1" ht="14.25" customHeight="1" x14ac:dyDescent="0.2">
      <c r="A27" s="8"/>
    </row>
    <row r="28" spans="1:11" s="6" customFormat="1" ht="14.25" customHeight="1" x14ac:dyDescent="0.2">
      <c r="A28" s="8" t="s">
        <v>117</v>
      </c>
      <c r="D28" s="12"/>
      <c r="E28" s="12"/>
      <c r="F28" s="12"/>
      <c r="G28" s="12" t="s">
        <v>9</v>
      </c>
      <c r="H28" s="12"/>
      <c r="I28" s="12"/>
    </row>
    <row r="29" spans="1:11" s="6" customFormat="1" ht="14.25" customHeight="1" x14ac:dyDescent="0.2">
      <c r="A29" s="8"/>
      <c r="D29" s="13"/>
      <c r="E29" s="13"/>
      <c r="F29" s="13"/>
      <c r="G29" s="13"/>
      <c r="H29" s="13"/>
      <c r="I29" s="13"/>
    </row>
    <row r="30" spans="1:11" s="6" customFormat="1" ht="14.25" customHeight="1" x14ac:dyDescent="0.2">
      <c r="A30" s="8" t="s">
        <v>118</v>
      </c>
      <c r="B30" s="17"/>
      <c r="C30" s="17"/>
      <c r="D30" s="12" t="s">
        <v>17</v>
      </c>
      <c r="E30" s="12"/>
      <c r="F30" s="12"/>
      <c r="G30" s="12" t="s">
        <v>9</v>
      </c>
      <c r="H30" s="12"/>
      <c r="I30" s="12"/>
    </row>
    <row r="31" spans="1:11" s="6" customFormat="1" ht="14.25" customHeight="1" x14ac:dyDescent="0.2">
      <c r="A31" s="8" t="s">
        <v>24</v>
      </c>
      <c r="B31" s="17"/>
      <c r="C31" s="17"/>
      <c r="D31" s="14"/>
      <c r="E31" s="14"/>
      <c r="F31" s="14"/>
      <c r="G31" s="14"/>
      <c r="H31" s="14"/>
      <c r="I31" s="14"/>
    </row>
    <row r="32" spans="1:11" s="6" customFormat="1" ht="14.25" customHeight="1" x14ac:dyDescent="0.2">
      <c r="A32" s="8"/>
      <c r="B32" s="17"/>
      <c r="C32" s="17"/>
      <c r="D32" s="12" t="s">
        <v>8</v>
      </c>
      <c r="E32" s="12"/>
      <c r="F32" s="12"/>
      <c r="G32" s="12" t="s">
        <v>9</v>
      </c>
      <c r="H32" s="12"/>
      <c r="I32" s="12"/>
    </row>
    <row r="33" spans="1:10" s="6" customFormat="1" ht="14.25" customHeight="1" x14ac:dyDescent="0.2">
      <c r="A33" s="8"/>
    </row>
    <row r="34" spans="1:10" s="6" customFormat="1" ht="14.25" customHeight="1" x14ac:dyDescent="0.2">
      <c r="A34" s="8" t="s">
        <v>119</v>
      </c>
      <c r="D34" s="12"/>
      <c r="E34" s="13" t="s">
        <v>63</v>
      </c>
      <c r="G34" s="18"/>
      <c r="H34" s="13"/>
      <c r="I34" s="18"/>
    </row>
    <row r="35" spans="1:10" s="6" customFormat="1" ht="14.25" customHeight="1" x14ac:dyDescent="0.2">
      <c r="A35" s="8"/>
      <c r="D35" s="13"/>
      <c r="F35" s="18"/>
      <c r="G35" s="13"/>
      <c r="H35" s="18"/>
    </row>
    <row r="36" spans="1:10" s="6" customFormat="1" ht="14.25" customHeight="1" x14ac:dyDescent="0.2">
      <c r="A36" s="8"/>
      <c r="D36" s="13" t="s">
        <v>65</v>
      </c>
    </row>
    <row r="37" spans="1:10" s="6" customFormat="1" ht="14.25" customHeight="1" x14ac:dyDescent="0.2">
      <c r="A37" s="8"/>
      <c r="E37" s="13"/>
      <c r="F37" s="13"/>
      <c r="H37" s="13"/>
    </row>
    <row r="38" spans="1:10" s="6" customFormat="1" ht="14.25" customHeight="1" x14ac:dyDescent="0.2">
      <c r="A38" s="8"/>
      <c r="D38" s="19" t="s">
        <v>71</v>
      </c>
      <c r="E38" s="12"/>
      <c r="F38" s="20" t="s">
        <v>67</v>
      </c>
      <c r="G38" s="12" t="s">
        <v>68</v>
      </c>
      <c r="H38" s="21" t="s">
        <v>6</v>
      </c>
      <c r="I38" s="12" t="s">
        <v>68</v>
      </c>
      <c r="J38" s="6" t="s">
        <v>26</v>
      </c>
    </row>
    <row r="39" spans="1:10" s="6" customFormat="1" ht="14.25" customHeight="1" x14ac:dyDescent="0.2">
      <c r="A39" s="8"/>
      <c r="D39" s="19"/>
      <c r="E39" s="13"/>
      <c r="F39" s="21"/>
      <c r="G39" s="13"/>
      <c r="H39" s="21"/>
      <c r="I39" s="13"/>
    </row>
    <row r="40" spans="1:10" s="6" customFormat="1" ht="14.25" customHeight="1" x14ac:dyDescent="0.2">
      <c r="A40" s="8"/>
      <c r="D40" s="19" t="s">
        <v>72</v>
      </c>
      <c r="E40" s="12"/>
      <c r="F40" s="20" t="s">
        <v>67</v>
      </c>
      <c r="G40" s="12" t="s">
        <v>68</v>
      </c>
      <c r="H40" s="21" t="s">
        <v>6</v>
      </c>
      <c r="I40" s="12" t="s">
        <v>68</v>
      </c>
      <c r="J40" s="6" t="s">
        <v>26</v>
      </c>
    </row>
    <row r="41" spans="1:10" s="6" customFormat="1" ht="14.25" customHeight="1" x14ac:dyDescent="0.2">
      <c r="A41" s="8"/>
      <c r="D41" s="19"/>
      <c r="E41" s="13"/>
      <c r="F41" s="21"/>
      <c r="G41" s="13"/>
      <c r="H41" s="21"/>
      <c r="I41" s="13"/>
    </row>
    <row r="42" spans="1:10" s="6" customFormat="1" ht="14.25" customHeight="1" x14ac:dyDescent="0.2">
      <c r="A42" s="8"/>
      <c r="D42" s="19" t="s">
        <v>73</v>
      </c>
      <c r="E42" s="12"/>
      <c r="F42" s="20" t="s">
        <v>67</v>
      </c>
      <c r="G42" s="12" t="s">
        <v>68</v>
      </c>
      <c r="H42" s="21" t="s">
        <v>6</v>
      </c>
      <c r="I42" s="12" t="s">
        <v>68</v>
      </c>
      <c r="J42" s="6" t="s">
        <v>26</v>
      </c>
    </row>
    <row r="43" spans="1:10" s="6" customFormat="1" ht="14.25" customHeight="1" x14ac:dyDescent="0.2">
      <c r="A43" s="8"/>
      <c r="D43" s="19"/>
      <c r="E43" s="13"/>
      <c r="F43" s="20"/>
      <c r="G43" s="13"/>
      <c r="H43" s="21"/>
      <c r="I43" s="13"/>
    </row>
    <row r="44" spans="1:10" s="6" customFormat="1" ht="14.25" customHeight="1" x14ac:dyDescent="0.2">
      <c r="A44" s="8"/>
      <c r="D44" s="19" t="s">
        <v>74</v>
      </c>
      <c r="E44" s="12"/>
      <c r="F44" s="20" t="s">
        <v>67</v>
      </c>
      <c r="G44" s="12" t="s">
        <v>68</v>
      </c>
      <c r="H44" s="21" t="s">
        <v>6</v>
      </c>
      <c r="I44" s="12" t="s">
        <v>68</v>
      </c>
      <c r="J44" s="6" t="s">
        <v>26</v>
      </c>
    </row>
    <row r="45" spans="1:10" s="6" customFormat="1" ht="14.25" customHeight="1" x14ac:dyDescent="0.2">
      <c r="A45" s="8"/>
      <c r="D45" s="19"/>
      <c r="E45" s="13"/>
      <c r="F45" s="21"/>
      <c r="G45" s="13"/>
      <c r="H45" s="21"/>
      <c r="I45" s="13"/>
    </row>
    <row r="46" spans="1:10" s="6" customFormat="1" ht="14.25" customHeight="1" x14ac:dyDescent="0.2">
      <c r="A46" s="8"/>
      <c r="D46" s="19" t="s">
        <v>69</v>
      </c>
      <c r="E46" s="12"/>
      <c r="F46" s="20" t="s">
        <v>67</v>
      </c>
      <c r="G46" s="12" t="s">
        <v>68</v>
      </c>
      <c r="H46" s="21" t="s">
        <v>6</v>
      </c>
      <c r="I46" s="12" t="s">
        <v>68</v>
      </c>
      <c r="J46" s="6" t="s">
        <v>26</v>
      </c>
    </row>
    <row r="47" spans="1:10" s="6" customFormat="1" ht="14.25" customHeight="1" x14ac:dyDescent="0.2">
      <c r="A47" s="8"/>
      <c r="D47" s="19"/>
      <c r="E47" s="13"/>
      <c r="F47" s="21"/>
      <c r="G47" s="13"/>
      <c r="H47" s="21"/>
      <c r="I47" s="13"/>
    </row>
    <row r="48" spans="1:10" s="6" customFormat="1" ht="14.25" customHeight="1" x14ac:dyDescent="0.2">
      <c r="A48" s="8"/>
      <c r="D48" s="19" t="s">
        <v>66</v>
      </c>
      <c r="E48" s="12"/>
      <c r="F48" s="20" t="s">
        <v>67</v>
      </c>
      <c r="G48" s="12" t="s">
        <v>68</v>
      </c>
      <c r="H48" s="21" t="s">
        <v>6</v>
      </c>
      <c r="I48" s="12" t="s">
        <v>68</v>
      </c>
      <c r="J48" s="6" t="s">
        <v>26</v>
      </c>
    </row>
    <row r="49" spans="1:10" s="6" customFormat="1" ht="14.25" customHeight="1" x14ac:dyDescent="0.2">
      <c r="A49" s="8"/>
      <c r="D49" s="19"/>
      <c r="E49" s="13"/>
      <c r="F49" s="20"/>
      <c r="G49" s="13"/>
      <c r="H49" s="21"/>
      <c r="I49" s="13"/>
    </row>
    <row r="50" spans="1:10" s="6" customFormat="1" ht="14.25" customHeight="1" x14ac:dyDescent="0.2">
      <c r="A50" s="8"/>
      <c r="D50" s="19" t="s">
        <v>70</v>
      </c>
      <c r="E50" s="12"/>
      <c r="F50" s="20" t="s">
        <v>67</v>
      </c>
      <c r="G50" s="12" t="s">
        <v>68</v>
      </c>
      <c r="H50" s="21" t="s">
        <v>6</v>
      </c>
      <c r="I50" s="12" t="s">
        <v>68</v>
      </c>
      <c r="J50" s="6" t="s">
        <v>26</v>
      </c>
    </row>
    <row r="51" spans="1:10" s="6" customFormat="1" ht="14.25" customHeight="1" x14ac:dyDescent="0.2">
      <c r="A51" s="8"/>
    </row>
    <row r="52" spans="1:10" s="6" customFormat="1" ht="14.25" customHeight="1" x14ac:dyDescent="0.2">
      <c r="A52" s="8" t="s">
        <v>120</v>
      </c>
      <c r="B52" s="17"/>
      <c r="C52" s="17"/>
      <c r="D52" s="13" t="s">
        <v>21</v>
      </c>
      <c r="E52" s="12" t="s">
        <v>64</v>
      </c>
      <c r="F52" s="22"/>
      <c r="G52" s="13" t="s">
        <v>62</v>
      </c>
      <c r="H52" s="12"/>
      <c r="I52" s="19" t="s">
        <v>63</v>
      </c>
    </row>
    <row r="53" spans="1:10" s="6" customFormat="1" ht="14.25" customHeight="1" x14ac:dyDescent="0.2">
      <c r="A53" s="8" t="s">
        <v>25</v>
      </c>
      <c r="B53" s="17"/>
      <c r="C53" s="17"/>
    </row>
    <row r="54" spans="1:10" s="6" customFormat="1" ht="14.25" customHeight="1" x14ac:dyDescent="0.2">
      <c r="A54" s="8" t="s">
        <v>2</v>
      </c>
      <c r="B54" s="17"/>
      <c r="C54" s="17"/>
      <c r="D54" s="13" t="s">
        <v>21</v>
      </c>
      <c r="E54" s="12"/>
      <c r="F54" s="22"/>
      <c r="G54" s="13" t="s">
        <v>62</v>
      </c>
      <c r="H54" s="12"/>
      <c r="I54" s="19" t="s">
        <v>63</v>
      </c>
    </row>
    <row r="55" spans="1:10" s="6" customFormat="1" ht="14.25" customHeight="1" x14ac:dyDescent="0.2">
      <c r="A55" s="8"/>
      <c r="B55" s="17"/>
      <c r="C55" s="17"/>
    </row>
    <row r="56" spans="1:10" s="6" customFormat="1" ht="14.25" customHeight="1" x14ac:dyDescent="0.2">
      <c r="A56" s="8" t="s">
        <v>2</v>
      </c>
      <c r="B56" s="17"/>
      <c r="C56" s="17"/>
      <c r="D56" s="13" t="s">
        <v>21</v>
      </c>
      <c r="E56" s="12"/>
      <c r="F56" s="22"/>
      <c r="G56" s="13" t="s">
        <v>62</v>
      </c>
      <c r="H56" s="12"/>
      <c r="I56" s="19" t="s">
        <v>63</v>
      </c>
    </row>
    <row r="57" spans="1:10" s="6" customFormat="1" ht="14.25" customHeight="1" x14ac:dyDescent="0.2">
      <c r="A57" s="8"/>
      <c r="B57" s="17"/>
      <c r="C57" s="17"/>
    </row>
    <row r="58" spans="1:10" s="6" customFormat="1" ht="14.25" customHeight="1" x14ac:dyDescent="0.2">
      <c r="A58" s="8" t="s">
        <v>2</v>
      </c>
      <c r="B58" s="17"/>
      <c r="C58" s="17"/>
      <c r="D58" s="13" t="s">
        <v>21</v>
      </c>
      <c r="E58" s="12"/>
      <c r="F58" s="22"/>
      <c r="G58" s="13" t="s">
        <v>62</v>
      </c>
      <c r="H58" s="12"/>
      <c r="I58" s="19" t="s">
        <v>63</v>
      </c>
    </row>
    <row r="59" spans="1:10" s="6" customFormat="1" ht="14.25" customHeight="1" x14ac:dyDescent="0.2">
      <c r="A59" s="8"/>
      <c r="B59" s="17"/>
      <c r="C59" s="17"/>
      <c r="D59" s="19"/>
      <c r="E59" s="19"/>
      <c r="F59" s="19"/>
      <c r="G59" s="19"/>
      <c r="H59" s="19"/>
      <c r="I59" s="19"/>
    </row>
    <row r="60" spans="1:10" s="6" customFormat="1" ht="14.25" customHeight="1" x14ac:dyDescent="0.2">
      <c r="A60" s="8" t="s">
        <v>121</v>
      </c>
      <c r="D60" s="12" t="s">
        <v>18</v>
      </c>
      <c r="E60" s="12"/>
      <c r="F60" s="12"/>
      <c r="G60" s="12"/>
      <c r="H60" s="12"/>
      <c r="I60" s="12"/>
    </row>
    <row r="61" spans="1:10" s="6" customFormat="1" ht="14.25" customHeight="1" x14ac:dyDescent="0.2">
      <c r="A61" s="8" t="s">
        <v>2</v>
      </c>
      <c r="D61" s="14"/>
      <c r="E61" s="14"/>
      <c r="F61" s="14"/>
      <c r="G61" s="14"/>
      <c r="H61" s="14"/>
      <c r="I61" s="14"/>
    </row>
    <row r="62" spans="1:10" s="6" customFormat="1" ht="14.25" customHeight="1" x14ac:dyDescent="0.2">
      <c r="A62" s="8"/>
      <c r="D62" s="13" t="s">
        <v>19</v>
      </c>
      <c r="E62" s="13"/>
      <c r="F62" s="13"/>
      <c r="G62" s="13"/>
      <c r="H62" s="13"/>
      <c r="I62" s="13"/>
    </row>
    <row r="63" spans="1:10" s="6" customFormat="1" ht="14.25" customHeight="1" x14ac:dyDescent="0.2">
      <c r="A63" s="8"/>
      <c r="D63" s="14"/>
      <c r="E63" s="14"/>
      <c r="F63" s="14"/>
      <c r="G63" s="14"/>
      <c r="H63" s="14"/>
      <c r="I63" s="14"/>
    </row>
    <row r="64" spans="1:10" s="6" customFormat="1" ht="14.25" customHeight="1" x14ac:dyDescent="0.2">
      <c r="A64" s="6" t="s">
        <v>122</v>
      </c>
    </row>
    <row r="65" spans="1:10" s="6" customFormat="1" ht="14.25" customHeight="1" x14ac:dyDescent="0.2">
      <c r="A65" s="8"/>
    </row>
    <row r="66" spans="1:10" s="6" customFormat="1" ht="14" x14ac:dyDescent="0.2">
      <c r="A66" s="23"/>
      <c r="F66" s="57" t="s">
        <v>95</v>
      </c>
      <c r="G66" s="57"/>
      <c r="H66" s="57"/>
      <c r="I66" s="57"/>
      <c r="J66" s="57"/>
    </row>
    <row r="67" spans="1:10" s="6" customFormat="1" ht="14" x14ac:dyDescent="0.2">
      <c r="A67" s="23"/>
      <c r="F67" s="24"/>
      <c r="G67" s="24"/>
      <c r="H67" s="24"/>
      <c r="I67" s="24"/>
      <c r="J67" s="24"/>
    </row>
    <row r="68" spans="1:10" s="13" customFormat="1" ht="14.25" customHeight="1" x14ac:dyDescent="0.2">
      <c r="A68" s="25" t="s">
        <v>28</v>
      </c>
      <c r="G68" s="13" t="s">
        <v>12</v>
      </c>
      <c r="H68" s="13" t="s">
        <v>0</v>
      </c>
    </row>
    <row r="69" spans="1:10" s="13" customFormat="1" ht="14.25" customHeight="1" x14ac:dyDescent="0.2">
      <c r="A69" s="26"/>
    </row>
    <row r="70" spans="1:10" s="13" customFormat="1" ht="14.25" customHeight="1" x14ac:dyDescent="0.2">
      <c r="A70" s="25" t="s">
        <v>29</v>
      </c>
      <c r="G70" s="13" t="s">
        <v>143</v>
      </c>
      <c r="J70" s="13" t="s">
        <v>0</v>
      </c>
    </row>
    <row r="71" spans="1:10" s="13" customFormat="1" ht="14.25" customHeight="1" x14ac:dyDescent="0.2">
      <c r="A71" s="25"/>
    </row>
    <row r="72" spans="1:10" s="13" customFormat="1" ht="14.25" customHeight="1" x14ac:dyDescent="0.2">
      <c r="A72" s="25" t="s">
        <v>30</v>
      </c>
      <c r="G72" s="13" t="s">
        <v>12</v>
      </c>
      <c r="H72" s="13" t="s">
        <v>0</v>
      </c>
    </row>
    <row r="73" spans="1:10" s="13" customFormat="1" ht="14.25" customHeight="1" x14ac:dyDescent="0.2">
      <c r="A73" s="26"/>
    </row>
    <row r="74" spans="1:10" s="13" customFormat="1" ht="14.25" customHeight="1" x14ac:dyDescent="0.2">
      <c r="A74" s="25" t="s">
        <v>85</v>
      </c>
      <c r="G74" s="13" t="s">
        <v>20</v>
      </c>
      <c r="J74" s="13" t="s">
        <v>0</v>
      </c>
    </row>
    <row r="75" spans="1:10" s="13" customFormat="1" ht="14.25" customHeight="1" x14ac:dyDescent="0.2">
      <c r="A75" s="25"/>
    </row>
    <row r="76" spans="1:10" s="13" customFormat="1" ht="14.25" customHeight="1" x14ac:dyDescent="0.2">
      <c r="A76" s="25" t="s">
        <v>162</v>
      </c>
      <c r="G76" s="13" t="s">
        <v>12</v>
      </c>
      <c r="H76" s="13" t="s">
        <v>0</v>
      </c>
    </row>
    <row r="77" spans="1:10" s="13" customFormat="1" ht="14.25" customHeight="1" x14ac:dyDescent="0.2">
      <c r="A77" s="25"/>
    </row>
    <row r="78" spans="1:10" s="13" customFormat="1" ht="14.25" customHeight="1" x14ac:dyDescent="0.2">
      <c r="A78" s="25" t="s">
        <v>144</v>
      </c>
      <c r="G78" s="13" t="s">
        <v>12</v>
      </c>
      <c r="H78" s="13" t="s">
        <v>0</v>
      </c>
    </row>
    <row r="79" spans="1:10" s="13" customFormat="1" ht="14.25" customHeight="1" x14ac:dyDescent="0.2">
      <c r="A79" s="25"/>
    </row>
    <row r="80" spans="1:10" s="13" customFormat="1" ht="14.25" customHeight="1" x14ac:dyDescent="0.2">
      <c r="A80" s="25" t="s">
        <v>145</v>
      </c>
      <c r="G80" s="13" t="s">
        <v>20</v>
      </c>
      <c r="J80" s="13" t="s">
        <v>0</v>
      </c>
    </row>
    <row r="81" spans="1:10" s="13" customFormat="1" ht="14.25" customHeight="1" x14ac:dyDescent="0.2">
      <c r="A81" s="25"/>
    </row>
    <row r="82" spans="1:10" s="13" customFormat="1" ht="14.25" customHeight="1" x14ac:dyDescent="0.2">
      <c r="A82" s="25" t="s">
        <v>146</v>
      </c>
      <c r="G82" s="13" t="s">
        <v>12</v>
      </c>
      <c r="H82" s="13" t="s">
        <v>0</v>
      </c>
    </row>
    <row r="83" spans="1:10" s="13" customFormat="1" ht="14.25" customHeight="1" x14ac:dyDescent="0.2">
      <c r="A83" s="25"/>
    </row>
    <row r="84" spans="1:10" s="13" customFormat="1" ht="14.25" customHeight="1" x14ac:dyDescent="0.2">
      <c r="A84" s="25" t="s">
        <v>147</v>
      </c>
      <c r="E84" s="13" t="s">
        <v>1</v>
      </c>
      <c r="G84" s="13" t="s">
        <v>12</v>
      </c>
      <c r="H84" s="13" t="s">
        <v>0</v>
      </c>
    </row>
    <row r="85" spans="1:10" s="13" customFormat="1" ht="14.25" customHeight="1" x14ac:dyDescent="0.2">
      <c r="A85" s="25"/>
    </row>
    <row r="86" spans="1:10" s="13" customFormat="1" ht="14.25" customHeight="1" x14ac:dyDescent="0.2">
      <c r="A86" s="25" t="s">
        <v>140</v>
      </c>
      <c r="G86" s="13" t="s">
        <v>20</v>
      </c>
      <c r="J86" s="13" t="s">
        <v>0</v>
      </c>
    </row>
    <row r="87" spans="1:10" s="13" customFormat="1" ht="14.25" customHeight="1" x14ac:dyDescent="0.2">
      <c r="A87" s="25"/>
    </row>
    <row r="88" spans="1:10" s="13" customFormat="1" ht="14.25" customHeight="1" x14ac:dyDescent="0.2">
      <c r="A88" s="25" t="s">
        <v>148</v>
      </c>
      <c r="G88" s="13" t="s">
        <v>20</v>
      </c>
      <c r="J88" s="13" t="s">
        <v>0</v>
      </c>
    </row>
    <row r="89" spans="1:10" s="13" customFormat="1" ht="14.25" customHeight="1" x14ac:dyDescent="0.2">
      <c r="A89" s="25"/>
    </row>
    <row r="90" spans="1:10" s="13" customFormat="1" ht="14.25" customHeight="1" x14ac:dyDescent="0.2">
      <c r="A90" s="25" t="s">
        <v>149</v>
      </c>
      <c r="G90" s="13" t="s">
        <v>12</v>
      </c>
      <c r="H90" s="13" t="s">
        <v>0</v>
      </c>
    </row>
    <row r="91" spans="1:10" s="13" customFormat="1" ht="14.25" customHeight="1" x14ac:dyDescent="0.2">
      <c r="A91" s="25"/>
    </row>
    <row r="92" spans="1:10" s="13" customFormat="1" ht="14.25" customHeight="1" x14ac:dyDescent="0.2">
      <c r="A92" s="25" t="s">
        <v>150</v>
      </c>
      <c r="G92" s="13" t="s">
        <v>12</v>
      </c>
      <c r="H92" s="13" t="s">
        <v>0</v>
      </c>
    </row>
    <row r="93" spans="1:10" s="13" customFormat="1" ht="14.25" customHeight="1" x14ac:dyDescent="0.2">
      <c r="A93" s="25"/>
    </row>
    <row r="94" spans="1:10" s="13" customFormat="1" ht="14.25" customHeight="1" x14ac:dyDescent="0.2">
      <c r="A94" s="25" t="s">
        <v>151</v>
      </c>
      <c r="G94" s="13" t="s">
        <v>20</v>
      </c>
      <c r="J94" s="13" t="s">
        <v>0</v>
      </c>
    </row>
    <row r="95" spans="1:10" s="13" customFormat="1" ht="14.25" customHeight="1" x14ac:dyDescent="0.2">
      <c r="A95" s="25"/>
    </row>
    <row r="96" spans="1:10" s="13" customFormat="1" ht="14.25" customHeight="1" x14ac:dyDescent="0.2">
      <c r="A96" s="25" t="s">
        <v>152</v>
      </c>
      <c r="G96" s="13" t="s">
        <v>12</v>
      </c>
      <c r="H96" s="13" t="s">
        <v>0</v>
      </c>
    </row>
    <row r="97" spans="1:256" s="13" customFormat="1" ht="14.25" customHeight="1" x14ac:dyDescent="0.2">
      <c r="A97" s="25"/>
    </row>
    <row r="98" spans="1:256" s="13" customFormat="1" ht="14.25" customHeight="1" x14ac:dyDescent="0.2">
      <c r="A98" s="25" t="s">
        <v>153</v>
      </c>
      <c r="G98" s="13" t="s">
        <v>12</v>
      </c>
      <c r="H98" s="13" t="s">
        <v>0</v>
      </c>
    </row>
    <row r="99" spans="1:256" s="13" customFormat="1" ht="14.25" customHeight="1" x14ac:dyDescent="0.2">
      <c r="A99" s="25"/>
    </row>
    <row r="100" spans="1:256" s="13" customFormat="1" ht="14.25" customHeight="1" x14ac:dyDescent="0.2">
      <c r="A100" s="25" t="s">
        <v>154</v>
      </c>
      <c r="G100" s="13" t="s">
        <v>12</v>
      </c>
      <c r="H100" s="13" t="s">
        <v>0</v>
      </c>
    </row>
    <row r="101" spans="1:256" s="13" customFormat="1" ht="14.25" customHeight="1" x14ac:dyDescent="0.2">
      <c r="A101" s="25"/>
    </row>
    <row r="102" spans="1:256" s="13" customFormat="1" ht="14.25" customHeight="1" x14ac:dyDescent="0.2">
      <c r="A102" s="25" t="s">
        <v>136</v>
      </c>
      <c r="G102" s="13" t="s">
        <v>12</v>
      </c>
      <c r="H102" s="13" t="s">
        <v>0</v>
      </c>
    </row>
    <row r="103" spans="1:256" s="13" customFormat="1" ht="14.25" customHeight="1" x14ac:dyDescent="0.2">
      <c r="A103" s="25"/>
    </row>
    <row r="104" spans="1:256" s="13" customFormat="1" ht="14.25" customHeight="1" x14ac:dyDescent="0.2">
      <c r="A104" s="25" t="s">
        <v>137</v>
      </c>
      <c r="G104" s="13" t="s">
        <v>12</v>
      </c>
      <c r="H104" s="13" t="s">
        <v>0</v>
      </c>
    </row>
    <row r="105" spans="1:256" s="13" customFormat="1" ht="14.25" customHeight="1" x14ac:dyDescent="0.2">
      <c r="A105" s="25"/>
    </row>
    <row r="106" spans="1:256" s="13" customFormat="1" ht="14.25" customHeight="1" x14ac:dyDescent="0.2">
      <c r="A106" s="25" t="s">
        <v>141</v>
      </c>
      <c r="G106" s="13" t="s">
        <v>20</v>
      </c>
      <c r="J106" s="13" t="s">
        <v>0</v>
      </c>
    </row>
    <row r="107" spans="1:256" s="13" customFormat="1" ht="14.25" customHeight="1" x14ac:dyDescent="0.2">
      <c r="A107" s="25"/>
    </row>
    <row r="108" spans="1:256" s="13" customFormat="1" ht="14.25" customHeight="1" x14ac:dyDescent="0.2">
      <c r="A108" s="25" t="s">
        <v>138</v>
      </c>
      <c r="G108" s="13" t="s">
        <v>20</v>
      </c>
      <c r="J108" s="13" t="s">
        <v>0</v>
      </c>
    </row>
    <row r="109" spans="1:256" s="13" customFormat="1" ht="14.25" customHeight="1" x14ac:dyDescent="0.2">
      <c r="A109" s="25"/>
    </row>
    <row r="110" spans="1:256" s="13" customFormat="1" ht="14.25" customHeight="1" x14ac:dyDescent="0.2">
      <c r="A110" s="25" t="s">
        <v>139</v>
      </c>
      <c r="G110" s="13" t="s">
        <v>12</v>
      </c>
      <c r="H110" s="13" t="s">
        <v>0</v>
      </c>
    </row>
    <row r="111" spans="1:256" s="13" customFormat="1" ht="14.25" customHeight="1" x14ac:dyDescent="0.2">
      <c r="A111" s="25"/>
    </row>
    <row r="112" spans="1:256" s="6" customFormat="1" ht="14" x14ac:dyDescent="0.2">
      <c r="A112" s="67" t="s">
        <v>163</v>
      </c>
      <c r="B112" s="67"/>
      <c r="C112" s="67"/>
      <c r="D112" s="67"/>
      <c r="E112" s="67"/>
      <c r="F112" s="27"/>
      <c r="G112" s="27" t="s">
        <v>159</v>
      </c>
      <c r="H112" s="27"/>
      <c r="I112" s="27"/>
      <c r="J112" s="27" t="s">
        <v>0</v>
      </c>
      <c r="K112" s="28"/>
      <c r="L112" s="28"/>
      <c r="M112" s="28"/>
      <c r="N112" s="28"/>
      <c r="O112" s="28"/>
      <c r="P112" s="28"/>
      <c r="Q112" s="28"/>
      <c r="R112" s="28"/>
      <c r="S112" s="28"/>
      <c r="T112" s="28"/>
      <c r="U112" s="28"/>
      <c r="V112" s="28"/>
      <c r="W112" s="28"/>
      <c r="X112" s="28"/>
      <c r="Y112" s="28"/>
      <c r="Z112" s="28"/>
      <c r="AA112" s="28"/>
      <c r="AB112" s="28"/>
      <c r="AC112" s="28"/>
      <c r="AD112" s="28"/>
      <c r="AE112" s="28"/>
      <c r="AF112" s="28"/>
      <c r="AG112" s="28"/>
      <c r="AH112" s="28"/>
      <c r="AI112" s="28"/>
      <c r="AJ112" s="28"/>
      <c r="AK112" s="28"/>
      <c r="AL112" s="28"/>
      <c r="AM112" s="28"/>
      <c r="AN112" s="28"/>
      <c r="AO112" s="28"/>
      <c r="AP112" s="28"/>
      <c r="AQ112" s="28"/>
      <c r="AR112" s="28"/>
      <c r="AS112" s="28"/>
      <c r="AT112" s="28"/>
      <c r="AU112" s="28"/>
      <c r="AV112" s="28"/>
      <c r="AW112" s="28"/>
      <c r="AX112" s="28"/>
      <c r="AY112" s="28"/>
      <c r="AZ112" s="28"/>
      <c r="BA112" s="28"/>
      <c r="BB112" s="28"/>
      <c r="BC112" s="28"/>
      <c r="BD112" s="28"/>
      <c r="BE112" s="28"/>
      <c r="BF112" s="28"/>
      <c r="BG112" s="28"/>
      <c r="BH112" s="28"/>
      <c r="BI112" s="28"/>
      <c r="BJ112" s="28"/>
      <c r="BK112" s="28"/>
      <c r="BL112" s="28"/>
      <c r="BM112" s="28"/>
      <c r="BN112" s="28"/>
      <c r="BO112" s="28"/>
      <c r="BP112" s="28"/>
      <c r="BQ112" s="28"/>
      <c r="BR112" s="28"/>
      <c r="BS112" s="28"/>
      <c r="BT112" s="28"/>
      <c r="BU112" s="28"/>
      <c r="BV112" s="28"/>
      <c r="BW112" s="28"/>
      <c r="BX112" s="28"/>
      <c r="BY112" s="28"/>
      <c r="BZ112" s="28"/>
      <c r="CA112" s="28"/>
      <c r="CB112" s="28"/>
      <c r="CC112" s="28"/>
      <c r="CD112" s="28"/>
      <c r="CE112" s="28"/>
      <c r="CF112" s="28"/>
      <c r="CG112" s="28"/>
      <c r="CH112" s="28"/>
      <c r="CI112" s="28"/>
      <c r="CJ112" s="28"/>
      <c r="CK112" s="28"/>
      <c r="CL112" s="28"/>
      <c r="CM112" s="28"/>
      <c r="CN112" s="28"/>
      <c r="CO112" s="28"/>
      <c r="CP112" s="28"/>
      <c r="CQ112" s="28"/>
      <c r="CR112" s="28"/>
      <c r="CS112" s="28"/>
      <c r="CT112" s="28"/>
      <c r="CU112" s="28"/>
      <c r="CV112" s="28"/>
      <c r="CW112" s="28"/>
      <c r="CX112" s="28"/>
      <c r="CY112" s="28"/>
      <c r="CZ112" s="28"/>
      <c r="DA112" s="28"/>
      <c r="DB112" s="28"/>
      <c r="DC112" s="28"/>
      <c r="DD112" s="28"/>
      <c r="DE112" s="28"/>
      <c r="DF112" s="28"/>
      <c r="DG112" s="28"/>
      <c r="DH112" s="28"/>
      <c r="DI112" s="28"/>
      <c r="DJ112" s="28"/>
      <c r="DK112" s="28"/>
      <c r="DL112" s="28"/>
      <c r="DM112" s="28"/>
      <c r="DN112" s="28"/>
      <c r="DO112" s="28"/>
      <c r="DP112" s="28"/>
      <c r="DQ112" s="28"/>
      <c r="DR112" s="28"/>
      <c r="DS112" s="28"/>
      <c r="DT112" s="28"/>
      <c r="DU112" s="28"/>
      <c r="DV112" s="28"/>
      <c r="DW112" s="28"/>
      <c r="DX112" s="28"/>
      <c r="DY112" s="28"/>
      <c r="DZ112" s="28"/>
      <c r="EA112" s="28"/>
      <c r="EB112" s="28"/>
      <c r="EC112" s="28"/>
      <c r="ED112" s="28"/>
      <c r="EE112" s="28"/>
      <c r="EF112" s="28"/>
      <c r="EG112" s="28"/>
      <c r="EH112" s="28"/>
      <c r="EI112" s="28"/>
      <c r="EJ112" s="28"/>
      <c r="EK112" s="28"/>
      <c r="EL112" s="28"/>
      <c r="EM112" s="28"/>
      <c r="EN112" s="28"/>
      <c r="EO112" s="28"/>
      <c r="EP112" s="28"/>
      <c r="EQ112" s="28"/>
      <c r="ER112" s="28"/>
      <c r="ES112" s="28"/>
      <c r="ET112" s="28"/>
      <c r="EU112" s="28"/>
      <c r="EV112" s="28"/>
      <c r="EW112" s="28"/>
      <c r="EX112" s="28"/>
      <c r="EY112" s="28"/>
      <c r="EZ112" s="28"/>
      <c r="FA112" s="28"/>
      <c r="FB112" s="28"/>
      <c r="FC112" s="28"/>
      <c r="FD112" s="28"/>
      <c r="FE112" s="28"/>
      <c r="FF112" s="28"/>
      <c r="FG112" s="28"/>
      <c r="FH112" s="28"/>
      <c r="FI112" s="28"/>
      <c r="FJ112" s="28"/>
      <c r="FK112" s="28"/>
      <c r="FL112" s="28"/>
      <c r="FM112" s="28"/>
      <c r="FN112" s="28"/>
      <c r="FO112" s="28"/>
      <c r="FP112" s="28"/>
      <c r="FQ112" s="28"/>
      <c r="FR112" s="28"/>
      <c r="FS112" s="28"/>
      <c r="FT112" s="28"/>
      <c r="FU112" s="28"/>
      <c r="FV112" s="28"/>
      <c r="FW112" s="28"/>
      <c r="FX112" s="28"/>
      <c r="FY112" s="28"/>
      <c r="FZ112" s="28"/>
      <c r="GA112" s="28"/>
      <c r="GB112" s="28"/>
      <c r="GC112" s="28"/>
      <c r="GD112" s="28"/>
      <c r="GE112" s="28"/>
      <c r="GF112" s="28"/>
      <c r="GG112" s="28"/>
      <c r="GH112" s="28"/>
      <c r="GI112" s="28"/>
      <c r="GJ112" s="28"/>
      <c r="GK112" s="28"/>
      <c r="GL112" s="28"/>
      <c r="GM112" s="28"/>
      <c r="GN112" s="28"/>
      <c r="GO112" s="28"/>
      <c r="GP112" s="28"/>
      <c r="GQ112" s="28"/>
      <c r="GR112" s="28"/>
      <c r="GS112" s="28"/>
      <c r="GT112" s="28"/>
      <c r="GU112" s="28"/>
      <c r="GV112" s="28"/>
      <c r="GW112" s="28"/>
      <c r="GX112" s="28"/>
      <c r="GY112" s="28"/>
      <c r="GZ112" s="28"/>
      <c r="HA112" s="28"/>
      <c r="HB112" s="28"/>
      <c r="HC112" s="28"/>
      <c r="HD112" s="28"/>
      <c r="HE112" s="28"/>
      <c r="HF112" s="28"/>
      <c r="HG112" s="28"/>
      <c r="HH112" s="28"/>
      <c r="HI112" s="28"/>
      <c r="HJ112" s="28"/>
      <c r="HK112" s="28"/>
      <c r="HL112" s="28"/>
      <c r="HM112" s="28"/>
      <c r="HN112" s="28"/>
      <c r="HO112" s="28"/>
      <c r="HP112" s="28"/>
      <c r="HQ112" s="28"/>
      <c r="HR112" s="28"/>
      <c r="HS112" s="28"/>
      <c r="HT112" s="28"/>
      <c r="HU112" s="28"/>
      <c r="HV112" s="28"/>
      <c r="HW112" s="28"/>
      <c r="HX112" s="28"/>
      <c r="HY112" s="28"/>
      <c r="HZ112" s="28"/>
      <c r="IA112" s="28"/>
      <c r="IB112" s="28"/>
      <c r="IC112" s="28"/>
      <c r="ID112" s="28"/>
      <c r="IE112" s="28"/>
      <c r="IF112" s="28"/>
      <c r="IG112" s="28"/>
      <c r="IH112" s="28"/>
      <c r="II112" s="28"/>
      <c r="IJ112" s="28"/>
      <c r="IK112" s="28"/>
      <c r="IL112" s="28"/>
      <c r="IM112" s="28"/>
      <c r="IN112" s="28"/>
      <c r="IO112" s="28"/>
      <c r="IP112" s="28"/>
      <c r="IQ112" s="28"/>
      <c r="IR112" s="28"/>
      <c r="IS112" s="28"/>
      <c r="IT112" s="28"/>
      <c r="IU112" s="28"/>
      <c r="IV112" s="28"/>
    </row>
    <row r="113" spans="1:256" s="6" customFormat="1" ht="14" x14ac:dyDescent="0.2">
      <c r="A113" s="28"/>
      <c r="B113" s="28"/>
      <c r="C113" s="28"/>
      <c r="D113" s="28"/>
      <c r="E113" s="28"/>
      <c r="F113" s="27"/>
      <c r="G113" s="27"/>
      <c r="H113" s="27"/>
      <c r="I113" s="27"/>
      <c r="J113" s="27"/>
      <c r="K113" s="28"/>
      <c r="L113" s="28"/>
      <c r="M113" s="28"/>
      <c r="N113" s="28"/>
      <c r="O113" s="28"/>
      <c r="P113" s="28"/>
      <c r="Q113" s="28"/>
      <c r="R113" s="28"/>
      <c r="S113" s="28"/>
      <c r="T113" s="28"/>
      <c r="U113" s="28"/>
      <c r="V113" s="28"/>
      <c r="W113" s="28"/>
      <c r="X113" s="28"/>
      <c r="Y113" s="28"/>
      <c r="Z113" s="28"/>
      <c r="AA113" s="28"/>
      <c r="AB113" s="28"/>
      <c r="AC113" s="28"/>
      <c r="AD113" s="28"/>
      <c r="AE113" s="28"/>
      <c r="AF113" s="28"/>
      <c r="AG113" s="28"/>
      <c r="AH113" s="28"/>
      <c r="AI113" s="28"/>
      <c r="AJ113" s="28"/>
      <c r="AK113" s="28"/>
      <c r="AL113" s="28"/>
      <c r="AM113" s="28"/>
      <c r="AN113" s="28"/>
      <c r="AO113" s="28"/>
      <c r="AP113" s="28"/>
      <c r="AQ113" s="28"/>
      <c r="AR113" s="28"/>
      <c r="AS113" s="28"/>
      <c r="AT113" s="28"/>
      <c r="AU113" s="28"/>
      <c r="AV113" s="28"/>
      <c r="AW113" s="28"/>
      <c r="AX113" s="28"/>
      <c r="AY113" s="28"/>
      <c r="AZ113" s="28"/>
      <c r="BA113" s="28"/>
      <c r="BB113" s="28"/>
      <c r="BC113" s="28"/>
      <c r="BD113" s="28"/>
      <c r="BE113" s="28"/>
      <c r="BF113" s="28"/>
      <c r="BG113" s="28"/>
      <c r="BH113" s="28"/>
      <c r="BI113" s="28"/>
      <c r="BJ113" s="28"/>
      <c r="BK113" s="28"/>
      <c r="BL113" s="28"/>
      <c r="BM113" s="28"/>
      <c r="BN113" s="28"/>
      <c r="BO113" s="28"/>
      <c r="BP113" s="28"/>
      <c r="BQ113" s="28"/>
      <c r="BR113" s="28"/>
      <c r="BS113" s="28"/>
      <c r="BT113" s="28"/>
      <c r="BU113" s="28"/>
      <c r="BV113" s="28"/>
      <c r="BW113" s="28"/>
      <c r="BX113" s="28"/>
      <c r="BY113" s="28"/>
      <c r="BZ113" s="28"/>
      <c r="CA113" s="28"/>
      <c r="CB113" s="28"/>
      <c r="CC113" s="28"/>
      <c r="CD113" s="28"/>
      <c r="CE113" s="28"/>
      <c r="CF113" s="28"/>
      <c r="CG113" s="28"/>
      <c r="CH113" s="28"/>
      <c r="CI113" s="28"/>
      <c r="CJ113" s="28"/>
      <c r="CK113" s="28"/>
      <c r="CL113" s="28"/>
      <c r="CM113" s="28"/>
      <c r="CN113" s="28"/>
      <c r="CO113" s="28"/>
      <c r="CP113" s="28"/>
      <c r="CQ113" s="28"/>
      <c r="CR113" s="28"/>
      <c r="CS113" s="28"/>
      <c r="CT113" s="28"/>
      <c r="CU113" s="28"/>
      <c r="CV113" s="28"/>
      <c r="CW113" s="28"/>
      <c r="CX113" s="28"/>
      <c r="CY113" s="28"/>
      <c r="CZ113" s="28"/>
      <c r="DA113" s="28"/>
      <c r="DB113" s="28"/>
      <c r="DC113" s="28"/>
      <c r="DD113" s="28"/>
      <c r="DE113" s="28"/>
      <c r="DF113" s="28"/>
      <c r="DG113" s="28"/>
      <c r="DH113" s="28"/>
      <c r="DI113" s="28"/>
      <c r="DJ113" s="28"/>
      <c r="DK113" s="28"/>
      <c r="DL113" s="28"/>
      <c r="DM113" s="28"/>
      <c r="DN113" s="28"/>
      <c r="DO113" s="28"/>
      <c r="DP113" s="28"/>
      <c r="DQ113" s="28"/>
      <c r="DR113" s="28"/>
      <c r="DS113" s="28"/>
      <c r="DT113" s="28"/>
      <c r="DU113" s="28"/>
      <c r="DV113" s="28"/>
      <c r="DW113" s="28"/>
      <c r="DX113" s="28"/>
      <c r="DY113" s="28"/>
      <c r="DZ113" s="28"/>
      <c r="EA113" s="28"/>
      <c r="EB113" s="28"/>
      <c r="EC113" s="28"/>
      <c r="ED113" s="28"/>
      <c r="EE113" s="28"/>
      <c r="EF113" s="28"/>
      <c r="EG113" s="28"/>
      <c r="EH113" s="28"/>
      <c r="EI113" s="28"/>
      <c r="EJ113" s="28"/>
      <c r="EK113" s="28"/>
      <c r="EL113" s="28"/>
      <c r="EM113" s="28"/>
      <c r="EN113" s="28"/>
      <c r="EO113" s="28"/>
      <c r="EP113" s="28"/>
      <c r="EQ113" s="28"/>
      <c r="ER113" s="28"/>
      <c r="ES113" s="28"/>
      <c r="ET113" s="28"/>
      <c r="EU113" s="28"/>
      <c r="EV113" s="28"/>
      <c r="EW113" s="28"/>
      <c r="EX113" s="28"/>
      <c r="EY113" s="28"/>
      <c r="EZ113" s="28"/>
      <c r="FA113" s="28"/>
      <c r="FB113" s="28"/>
      <c r="FC113" s="28"/>
      <c r="FD113" s="28"/>
      <c r="FE113" s="28"/>
      <c r="FF113" s="28"/>
      <c r="FG113" s="28"/>
      <c r="FH113" s="28"/>
      <c r="FI113" s="28"/>
      <c r="FJ113" s="28"/>
      <c r="FK113" s="28"/>
      <c r="FL113" s="28"/>
      <c r="FM113" s="28"/>
      <c r="FN113" s="28"/>
      <c r="FO113" s="28"/>
      <c r="FP113" s="28"/>
      <c r="FQ113" s="28"/>
      <c r="FR113" s="28"/>
      <c r="FS113" s="28"/>
      <c r="FT113" s="28"/>
      <c r="FU113" s="28"/>
      <c r="FV113" s="28"/>
      <c r="FW113" s="28"/>
      <c r="FX113" s="28"/>
      <c r="FY113" s="28"/>
      <c r="FZ113" s="28"/>
      <c r="GA113" s="28"/>
      <c r="GB113" s="28"/>
      <c r="GC113" s="28"/>
      <c r="GD113" s="28"/>
      <c r="GE113" s="28"/>
      <c r="GF113" s="28"/>
      <c r="GG113" s="28"/>
      <c r="GH113" s="28"/>
      <c r="GI113" s="28"/>
      <c r="GJ113" s="28"/>
      <c r="GK113" s="28"/>
      <c r="GL113" s="28"/>
      <c r="GM113" s="28"/>
      <c r="GN113" s="28"/>
      <c r="GO113" s="28"/>
      <c r="GP113" s="28"/>
      <c r="GQ113" s="28"/>
      <c r="GR113" s="28"/>
      <c r="GS113" s="28"/>
      <c r="GT113" s="28"/>
      <c r="GU113" s="28"/>
      <c r="GV113" s="28"/>
      <c r="GW113" s="28"/>
      <c r="GX113" s="28"/>
      <c r="GY113" s="28"/>
      <c r="GZ113" s="28"/>
      <c r="HA113" s="28"/>
      <c r="HB113" s="28"/>
      <c r="HC113" s="28"/>
      <c r="HD113" s="28"/>
      <c r="HE113" s="28"/>
      <c r="HF113" s="28"/>
      <c r="HG113" s="28"/>
      <c r="HH113" s="28"/>
      <c r="HI113" s="28"/>
      <c r="HJ113" s="28"/>
      <c r="HK113" s="28"/>
      <c r="HL113" s="28"/>
      <c r="HM113" s="28"/>
      <c r="HN113" s="28"/>
      <c r="HO113" s="28"/>
      <c r="HP113" s="28"/>
      <c r="HQ113" s="28"/>
      <c r="HR113" s="28"/>
      <c r="HS113" s="28"/>
      <c r="HT113" s="28"/>
      <c r="HU113" s="28"/>
      <c r="HV113" s="28"/>
      <c r="HW113" s="28"/>
      <c r="HX113" s="28"/>
      <c r="HY113" s="28"/>
      <c r="HZ113" s="28"/>
      <c r="IA113" s="28"/>
      <c r="IB113" s="28"/>
      <c r="IC113" s="28"/>
      <c r="ID113" s="28"/>
      <c r="IE113" s="28"/>
      <c r="IF113" s="28"/>
      <c r="IG113" s="28"/>
      <c r="IH113" s="28"/>
      <c r="II113" s="28"/>
      <c r="IJ113" s="28"/>
      <c r="IK113" s="28"/>
      <c r="IL113" s="28"/>
      <c r="IM113" s="28"/>
      <c r="IN113" s="28"/>
      <c r="IO113" s="28"/>
      <c r="IP113" s="28"/>
      <c r="IQ113" s="28"/>
      <c r="IR113" s="28"/>
      <c r="IS113" s="28"/>
      <c r="IT113" s="28"/>
      <c r="IU113" s="28"/>
      <c r="IV113" s="28"/>
    </row>
    <row r="114" spans="1:256" s="6" customFormat="1" ht="14.25" customHeight="1" x14ac:dyDescent="0.2">
      <c r="G114" s="13"/>
      <c r="H114" s="13"/>
    </row>
    <row r="115" spans="1:256" s="6" customFormat="1" ht="14" x14ac:dyDescent="0.2">
      <c r="A115" s="6" t="s">
        <v>123</v>
      </c>
    </row>
    <row r="116" spans="1:256" s="6" customFormat="1" ht="14.25" customHeight="1" x14ac:dyDescent="0.2">
      <c r="G116" s="13"/>
      <c r="H116" s="13"/>
    </row>
    <row r="117" spans="1:256" s="6" customFormat="1" ht="14.25" customHeight="1" x14ac:dyDescent="0.2">
      <c r="A117" s="6" t="s">
        <v>76</v>
      </c>
      <c r="G117" s="13" t="s">
        <v>12</v>
      </c>
      <c r="H117" s="13" t="s">
        <v>0</v>
      </c>
      <c r="J117" s="13"/>
    </row>
    <row r="118" spans="1:256" s="6" customFormat="1" ht="14.25" customHeight="1" x14ac:dyDescent="0.2">
      <c r="A118" s="6" t="s">
        <v>32</v>
      </c>
      <c r="J118" s="13"/>
    </row>
    <row r="119" spans="1:256" s="6" customFormat="1" ht="14.25" customHeight="1" x14ac:dyDescent="0.2">
      <c r="J119" s="13"/>
    </row>
    <row r="120" spans="1:256" s="6" customFormat="1" ht="14.25" customHeight="1" x14ac:dyDescent="0.2">
      <c r="A120" s="6" t="s">
        <v>135</v>
      </c>
      <c r="G120" s="13" t="s">
        <v>12</v>
      </c>
      <c r="H120" s="13" t="s">
        <v>0</v>
      </c>
      <c r="J120" s="13"/>
    </row>
    <row r="121" spans="1:256" s="6" customFormat="1" ht="14.25" customHeight="1" x14ac:dyDescent="0.2">
      <c r="A121" s="6" t="s">
        <v>2</v>
      </c>
      <c r="J121" s="13"/>
    </row>
    <row r="122" spans="1:256" s="6" customFormat="1" ht="14.25" customHeight="1" x14ac:dyDescent="0.2">
      <c r="J122" s="13"/>
    </row>
    <row r="123" spans="1:256" s="6" customFormat="1" ht="14.25" customHeight="1" x14ac:dyDescent="0.2">
      <c r="A123" s="6" t="s">
        <v>77</v>
      </c>
      <c r="G123" s="6" t="s">
        <v>12</v>
      </c>
      <c r="H123" s="6" t="s">
        <v>0</v>
      </c>
      <c r="J123" s="13"/>
    </row>
    <row r="124" spans="1:256" s="6" customFormat="1" ht="14.25" customHeight="1" x14ac:dyDescent="0.2">
      <c r="A124" s="6" t="s">
        <v>31</v>
      </c>
      <c r="J124" s="13"/>
    </row>
    <row r="125" spans="1:256" s="6" customFormat="1" ht="14.25" customHeight="1" x14ac:dyDescent="0.2">
      <c r="J125" s="13"/>
    </row>
    <row r="126" spans="1:256" s="6" customFormat="1" ht="14.25" customHeight="1" x14ac:dyDescent="0.2">
      <c r="A126" s="6" t="s">
        <v>78</v>
      </c>
      <c r="G126" s="6" t="s">
        <v>12</v>
      </c>
      <c r="H126" s="6" t="s">
        <v>0</v>
      </c>
      <c r="J126" s="13"/>
    </row>
    <row r="127" spans="1:256" s="6" customFormat="1" ht="14.25" customHeight="1" x14ac:dyDescent="0.2">
      <c r="A127" s="6" t="s">
        <v>79</v>
      </c>
      <c r="J127" s="13"/>
    </row>
    <row r="128" spans="1:256" s="6" customFormat="1" ht="14.25" customHeight="1" x14ac:dyDescent="0.2">
      <c r="J128" s="13"/>
    </row>
    <row r="129" spans="1:10" s="6" customFormat="1" ht="14.25" customHeight="1" x14ac:dyDescent="0.2">
      <c r="A129" s="6" t="s">
        <v>155</v>
      </c>
      <c r="G129" s="6" t="s">
        <v>12</v>
      </c>
      <c r="H129" s="6" t="s">
        <v>0</v>
      </c>
    </row>
    <row r="130" spans="1:10" s="6" customFormat="1" ht="14.25" customHeight="1" x14ac:dyDescent="0.2">
      <c r="A130" s="6" t="s">
        <v>80</v>
      </c>
      <c r="G130" s="13"/>
      <c r="H130" s="13"/>
    </row>
    <row r="131" spans="1:10" s="6" customFormat="1" ht="14.25" customHeight="1" x14ac:dyDescent="0.2">
      <c r="G131" s="13"/>
      <c r="H131" s="13"/>
    </row>
    <row r="132" spans="1:10" s="6" customFormat="1" ht="14.25" customHeight="1" x14ac:dyDescent="0.2">
      <c r="A132" s="6" t="s">
        <v>156</v>
      </c>
      <c r="G132" s="13" t="s">
        <v>12</v>
      </c>
      <c r="H132" s="13" t="s">
        <v>0</v>
      </c>
    </row>
    <row r="133" spans="1:10" s="6" customFormat="1" ht="14.25" customHeight="1" x14ac:dyDescent="0.2">
      <c r="G133" s="13"/>
      <c r="H133" s="13"/>
    </row>
    <row r="134" spans="1:10" s="6" customFormat="1" ht="14.25" customHeight="1" x14ac:dyDescent="0.2">
      <c r="A134" s="6" t="s">
        <v>166</v>
      </c>
      <c r="G134" s="6" t="s">
        <v>12</v>
      </c>
      <c r="H134" s="6" t="s">
        <v>0</v>
      </c>
      <c r="J134" s="13"/>
    </row>
    <row r="135" spans="1:10" s="6" customFormat="1" ht="14.25" customHeight="1" x14ac:dyDescent="0.2">
      <c r="G135" s="13"/>
      <c r="H135" s="13"/>
    </row>
    <row r="136" spans="1:10" s="6" customFormat="1" ht="14.25" customHeight="1" x14ac:dyDescent="0.2">
      <c r="A136" s="6" t="s">
        <v>167</v>
      </c>
      <c r="G136" s="6" t="s">
        <v>12</v>
      </c>
      <c r="H136" s="6" t="s">
        <v>0</v>
      </c>
    </row>
    <row r="137" spans="1:10" s="6" customFormat="1" ht="14.25" customHeight="1" x14ac:dyDescent="0.2">
      <c r="G137" s="13"/>
      <c r="H137" s="13"/>
    </row>
    <row r="138" spans="1:10" s="6" customFormat="1" ht="14.25" customHeight="1" x14ac:dyDescent="0.2">
      <c r="A138" s="6" t="s">
        <v>168</v>
      </c>
      <c r="G138" s="6" t="s">
        <v>12</v>
      </c>
      <c r="H138" s="6" t="s">
        <v>0</v>
      </c>
    </row>
    <row r="139" spans="1:10" s="6" customFormat="1" ht="14.25" customHeight="1" x14ac:dyDescent="0.2">
      <c r="G139" s="13"/>
      <c r="H139" s="13"/>
    </row>
    <row r="140" spans="1:10" s="6" customFormat="1" ht="14.25" customHeight="1" x14ac:dyDescent="0.2">
      <c r="A140" s="6" t="s">
        <v>169</v>
      </c>
      <c r="G140" s="6" t="s">
        <v>12</v>
      </c>
      <c r="H140" s="6" t="s">
        <v>0</v>
      </c>
    </row>
    <row r="141" spans="1:10" s="6" customFormat="1" ht="14.25" customHeight="1" x14ac:dyDescent="0.2">
      <c r="G141" s="13"/>
      <c r="H141" s="13"/>
    </row>
    <row r="142" spans="1:10" s="6" customFormat="1" ht="14.25" customHeight="1" x14ac:dyDescent="0.2">
      <c r="A142" s="6" t="s">
        <v>170</v>
      </c>
      <c r="G142" s="6" t="s">
        <v>12</v>
      </c>
      <c r="H142" s="6" t="s">
        <v>0</v>
      </c>
    </row>
    <row r="143" spans="1:10" s="6" customFormat="1" ht="14.25" customHeight="1" x14ac:dyDescent="0.2">
      <c r="G143" s="13"/>
      <c r="H143" s="13"/>
    </row>
    <row r="144" spans="1:10" s="6" customFormat="1" ht="14.25" customHeight="1" x14ac:dyDescent="0.2">
      <c r="A144" s="6" t="s">
        <v>160</v>
      </c>
      <c r="G144" s="13"/>
      <c r="H144" s="13"/>
    </row>
    <row r="145" spans="1:8" s="6" customFormat="1" ht="14.25" customHeight="1" x14ac:dyDescent="0.2">
      <c r="A145" s="6" t="s">
        <v>75</v>
      </c>
      <c r="G145" s="13"/>
      <c r="H145" s="13"/>
    </row>
    <row r="146" spans="1:8" s="6" customFormat="1" ht="14.25" customHeight="1" x14ac:dyDescent="0.2">
      <c r="G146" s="13"/>
      <c r="H146" s="13"/>
    </row>
    <row r="147" spans="1:8" s="6" customFormat="1" ht="14.25" customHeight="1" x14ac:dyDescent="0.2">
      <c r="B147" s="29" t="s">
        <v>81</v>
      </c>
      <c r="C147" s="29" t="s">
        <v>81</v>
      </c>
      <c r="D147" s="29" t="s">
        <v>81</v>
      </c>
      <c r="E147" s="29" t="s">
        <v>81</v>
      </c>
      <c r="F147" s="29" t="s">
        <v>81</v>
      </c>
      <c r="G147" s="29" t="s">
        <v>81</v>
      </c>
      <c r="H147" s="13"/>
    </row>
    <row r="148" spans="1:8" s="6" customFormat="1" ht="14.25" customHeight="1" x14ac:dyDescent="0.2">
      <c r="B148" s="29" t="s">
        <v>13</v>
      </c>
      <c r="C148" s="29" t="s">
        <v>13</v>
      </c>
      <c r="D148" s="29" t="s">
        <v>13</v>
      </c>
      <c r="E148" s="29" t="s">
        <v>13</v>
      </c>
      <c r="F148" s="29" t="s">
        <v>13</v>
      </c>
      <c r="G148" s="29" t="s">
        <v>13</v>
      </c>
      <c r="H148" s="13"/>
    </row>
    <row r="149" spans="1:8" s="6" customFormat="1" ht="14.25" customHeight="1" x14ac:dyDescent="0.2">
      <c r="B149" s="29" t="s">
        <v>81</v>
      </c>
      <c r="C149" s="29" t="s">
        <v>81</v>
      </c>
      <c r="D149" s="29" t="s">
        <v>81</v>
      </c>
      <c r="E149" s="29" t="s">
        <v>81</v>
      </c>
      <c r="F149" s="29" t="s">
        <v>81</v>
      </c>
      <c r="G149" s="29" t="s">
        <v>81</v>
      </c>
      <c r="H149" s="13"/>
    </row>
    <row r="150" spans="1:8" s="6" customFormat="1" ht="14.25" customHeight="1" x14ac:dyDescent="0.2">
      <c r="B150" s="29" t="s">
        <v>13</v>
      </c>
      <c r="C150" s="29" t="s">
        <v>13</v>
      </c>
      <c r="D150" s="29" t="s">
        <v>13</v>
      </c>
      <c r="E150" s="29" t="s">
        <v>13</v>
      </c>
      <c r="F150" s="29" t="s">
        <v>13</v>
      </c>
      <c r="G150" s="29" t="s">
        <v>13</v>
      </c>
      <c r="H150" s="13"/>
    </row>
    <row r="151" spans="1:8" s="6" customFormat="1" ht="14.25" customHeight="1" x14ac:dyDescent="0.2">
      <c r="B151" s="19"/>
      <c r="C151" s="19"/>
      <c r="D151" s="19"/>
      <c r="E151" s="19"/>
      <c r="F151" s="19"/>
      <c r="G151" s="19"/>
      <c r="H151" s="13"/>
    </row>
    <row r="152" spans="1:8" s="6" customFormat="1" ht="14.25" customHeight="1" x14ac:dyDescent="0.2">
      <c r="B152" s="19"/>
      <c r="C152" s="19"/>
      <c r="D152" s="19"/>
      <c r="E152" s="19"/>
      <c r="F152" s="19"/>
      <c r="G152" s="19"/>
      <c r="H152" s="13"/>
    </row>
    <row r="153" spans="1:8" s="6" customFormat="1" ht="14.25" customHeight="1" x14ac:dyDescent="0.2">
      <c r="A153" s="6" t="s">
        <v>161</v>
      </c>
      <c r="G153" s="13"/>
      <c r="H153" s="13"/>
    </row>
    <row r="154" spans="1:8" s="6" customFormat="1" ht="14.25" customHeight="1" x14ac:dyDescent="0.2">
      <c r="A154" s="50" t="s">
        <v>33</v>
      </c>
      <c r="B154" s="50"/>
      <c r="C154" s="50"/>
      <c r="D154" s="50"/>
      <c r="E154" s="50"/>
      <c r="F154" s="50"/>
      <c r="G154" s="50"/>
      <c r="H154" s="50"/>
    </row>
    <row r="155" spans="1:8" s="6" customFormat="1" ht="14.25" customHeight="1" x14ac:dyDescent="0.2">
      <c r="G155" s="13"/>
      <c r="H155" s="13"/>
    </row>
    <row r="156" spans="1:8" s="6" customFormat="1" ht="14.25" customHeight="1" x14ac:dyDescent="0.2">
      <c r="B156" s="30" t="s">
        <v>82</v>
      </c>
      <c r="C156" s="30" t="s">
        <v>82</v>
      </c>
      <c r="D156" s="30" t="s">
        <v>82</v>
      </c>
      <c r="E156" s="30" t="s">
        <v>82</v>
      </c>
      <c r="F156" s="30" t="s">
        <v>82</v>
      </c>
      <c r="G156" s="30" t="s">
        <v>82</v>
      </c>
    </row>
    <row r="157" spans="1:8" s="6" customFormat="1" ht="14.25" customHeight="1" x14ac:dyDescent="0.2">
      <c r="B157" s="31" t="s">
        <v>7</v>
      </c>
      <c r="C157" s="31" t="s">
        <v>7</v>
      </c>
      <c r="D157" s="31" t="s">
        <v>7</v>
      </c>
      <c r="E157" s="31" t="s">
        <v>7</v>
      </c>
      <c r="F157" s="31" t="s">
        <v>7</v>
      </c>
      <c r="G157" s="31" t="s">
        <v>7</v>
      </c>
    </row>
    <row r="158" spans="1:8" s="6" customFormat="1" ht="14.25" customHeight="1" x14ac:dyDescent="0.2">
      <c r="B158" s="31" t="s">
        <v>27</v>
      </c>
      <c r="C158" s="31" t="s">
        <v>27</v>
      </c>
      <c r="D158" s="31" t="s">
        <v>27</v>
      </c>
      <c r="E158" s="31" t="s">
        <v>27</v>
      </c>
      <c r="F158" s="31" t="s">
        <v>27</v>
      </c>
      <c r="G158" s="31" t="s">
        <v>27</v>
      </c>
    </row>
    <row r="159" spans="1:8" s="6" customFormat="1" ht="14.25" customHeight="1" x14ac:dyDescent="0.2">
      <c r="B159" s="30" t="s">
        <v>82</v>
      </c>
      <c r="C159" s="30" t="s">
        <v>82</v>
      </c>
      <c r="D159" s="30" t="s">
        <v>82</v>
      </c>
      <c r="E159" s="30" t="s">
        <v>82</v>
      </c>
      <c r="F159" s="30" t="s">
        <v>82</v>
      </c>
      <c r="G159" s="30" t="s">
        <v>82</v>
      </c>
    </row>
    <row r="160" spans="1:8" s="6" customFormat="1" ht="14.25" customHeight="1" x14ac:dyDescent="0.2">
      <c r="B160" s="31" t="s">
        <v>7</v>
      </c>
      <c r="C160" s="31" t="s">
        <v>7</v>
      </c>
      <c r="D160" s="31" t="s">
        <v>7</v>
      </c>
      <c r="E160" s="31" t="s">
        <v>7</v>
      </c>
      <c r="F160" s="31" t="s">
        <v>7</v>
      </c>
      <c r="G160" s="31" t="s">
        <v>7</v>
      </c>
    </row>
    <row r="161" spans="1:8" s="6" customFormat="1" ht="14.25" customHeight="1" x14ac:dyDescent="0.2">
      <c r="B161" s="31" t="s">
        <v>27</v>
      </c>
      <c r="C161" s="31" t="s">
        <v>27</v>
      </c>
      <c r="D161" s="31" t="s">
        <v>27</v>
      </c>
      <c r="E161" s="31" t="s">
        <v>27</v>
      </c>
      <c r="F161" s="31" t="s">
        <v>27</v>
      </c>
      <c r="G161" s="31" t="s">
        <v>27</v>
      </c>
    </row>
    <row r="162" spans="1:8" s="6" customFormat="1" ht="14.25" customHeight="1" x14ac:dyDescent="0.2">
      <c r="B162" s="21"/>
      <c r="C162" s="21"/>
      <c r="D162" s="21"/>
      <c r="E162" s="21"/>
      <c r="F162" s="21"/>
      <c r="G162" s="21"/>
    </row>
    <row r="163" spans="1:8" s="6" customFormat="1" ht="14.25" customHeight="1" x14ac:dyDescent="0.2">
      <c r="A163" s="6" t="s">
        <v>96</v>
      </c>
      <c r="B163" s="21"/>
      <c r="C163" s="21"/>
      <c r="D163" s="21"/>
      <c r="E163" s="21"/>
      <c r="F163" s="21"/>
      <c r="G163" s="21"/>
    </row>
    <row r="164" spans="1:8" s="6" customFormat="1" ht="14.25" customHeight="1" x14ac:dyDescent="0.2">
      <c r="B164" s="21"/>
      <c r="C164" s="21"/>
      <c r="D164" s="21"/>
      <c r="E164" s="21"/>
      <c r="F164" s="21"/>
      <c r="G164" s="21"/>
    </row>
    <row r="165" spans="1:8" s="6" customFormat="1" ht="14.25" customHeight="1" x14ac:dyDescent="0.2">
      <c r="A165" s="6" t="s">
        <v>124</v>
      </c>
    </row>
    <row r="166" spans="1:8" s="6" customFormat="1" ht="14.25" customHeight="1" x14ac:dyDescent="0.2"/>
    <row r="167" spans="1:8" s="6" customFormat="1" ht="14.25" customHeight="1" x14ac:dyDescent="0.2">
      <c r="G167" s="12"/>
      <c r="H167" s="6" t="s">
        <v>83</v>
      </c>
    </row>
    <row r="168" spans="1:8" s="6" customFormat="1" ht="14.25" customHeight="1" x14ac:dyDescent="0.2"/>
    <row r="169" spans="1:8" s="6" customFormat="1" ht="14.25" customHeight="1" x14ac:dyDescent="0.2">
      <c r="G169" s="12"/>
      <c r="H169" s="6" t="s">
        <v>83</v>
      </c>
    </row>
    <row r="170" spans="1:8" s="6" customFormat="1" ht="14.25" customHeight="1" x14ac:dyDescent="0.2"/>
    <row r="171" spans="1:8" s="6" customFormat="1" ht="14.25" customHeight="1" x14ac:dyDescent="0.2">
      <c r="A171" s="6" t="s">
        <v>125</v>
      </c>
    </row>
    <row r="172" spans="1:8" s="6" customFormat="1" ht="14.25" customHeight="1" x14ac:dyDescent="0.2">
      <c r="A172" s="6" t="s">
        <v>34</v>
      </c>
    </row>
    <row r="173" spans="1:8" s="6" customFormat="1" ht="14.25" customHeight="1" x14ac:dyDescent="0.2">
      <c r="A173" s="6" t="s">
        <v>35</v>
      </c>
    </row>
    <row r="174" spans="1:8" s="6" customFormat="1" ht="14.25" customHeight="1" x14ac:dyDescent="0.2"/>
    <row r="175" spans="1:8" s="6" customFormat="1" ht="14.25" customHeight="1" x14ac:dyDescent="0.2">
      <c r="E175" s="6" t="s">
        <v>10</v>
      </c>
      <c r="G175" s="13" t="s">
        <v>11</v>
      </c>
    </row>
    <row r="176" spans="1:8" s="6" customFormat="1" ht="14.25" customHeight="1" x14ac:dyDescent="0.2"/>
    <row r="177" spans="1:9" s="6" customFormat="1" ht="14.25" customHeight="1" x14ac:dyDescent="0.2">
      <c r="A177" s="6" t="s">
        <v>86</v>
      </c>
    </row>
    <row r="178" spans="1:9" s="6" customFormat="1" ht="14.25" customHeight="1" x14ac:dyDescent="0.2">
      <c r="A178" s="32" t="s">
        <v>87</v>
      </c>
    </row>
    <row r="179" spans="1:9" s="6" customFormat="1" ht="14.25" customHeight="1" x14ac:dyDescent="0.2">
      <c r="A179" s="6" t="s">
        <v>88</v>
      </c>
      <c r="B179" s="13"/>
      <c r="D179" s="13"/>
    </row>
    <row r="180" spans="1:9" s="6" customFormat="1" ht="14.25" customHeight="1" x14ac:dyDescent="0.2"/>
    <row r="181" spans="1:9" s="6" customFormat="1" ht="14.25" customHeight="1" x14ac:dyDescent="0.2">
      <c r="B181" s="51" t="s">
        <v>36</v>
      </c>
      <c r="C181" s="52"/>
      <c r="D181" s="52"/>
      <c r="E181" s="53"/>
      <c r="F181" s="33" t="s">
        <v>37</v>
      </c>
      <c r="G181" s="51" t="s">
        <v>38</v>
      </c>
      <c r="H181" s="52"/>
      <c r="I181" s="53"/>
    </row>
    <row r="182" spans="1:9" s="6" customFormat="1" ht="14.25" customHeight="1" x14ac:dyDescent="0.2">
      <c r="B182" s="58" t="s">
        <v>39</v>
      </c>
      <c r="C182" s="34" t="s">
        <v>40</v>
      </c>
      <c r="D182" s="35"/>
      <c r="E182" s="36"/>
      <c r="F182" s="37" t="s">
        <v>41</v>
      </c>
      <c r="G182" s="34" t="s">
        <v>42</v>
      </c>
      <c r="H182" s="35"/>
      <c r="I182" s="36"/>
    </row>
    <row r="183" spans="1:9" s="6" customFormat="1" ht="14.25" customHeight="1" x14ac:dyDescent="0.2">
      <c r="B183" s="59"/>
      <c r="C183" s="34" t="s">
        <v>43</v>
      </c>
      <c r="D183" s="35"/>
      <c r="E183" s="36"/>
      <c r="F183" s="37" t="s">
        <v>41</v>
      </c>
      <c r="G183" s="34" t="s">
        <v>42</v>
      </c>
      <c r="H183" s="35"/>
      <c r="I183" s="36"/>
    </row>
    <row r="184" spans="1:9" s="6" customFormat="1" ht="14.25" customHeight="1" x14ac:dyDescent="0.2">
      <c r="B184" s="59"/>
      <c r="C184" s="61" t="s">
        <v>44</v>
      </c>
      <c r="D184" s="62"/>
      <c r="E184" s="63"/>
      <c r="F184" s="37" t="s">
        <v>41</v>
      </c>
      <c r="G184" s="34" t="s">
        <v>45</v>
      </c>
      <c r="H184" s="35"/>
      <c r="I184" s="36"/>
    </row>
    <row r="185" spans="1:9" s="6" customFormat="1" ht="14.25" customHeight="1" x14ac:dyDescent="0.2">
      <c r="B185" s="60"/>
      <c r="C185" s="61" t="s">
        <v>84</v>
      </c>
      <c r="D185" s="62"/>
      <c r="E185" s="63"/>
      <c r="F185" s="37" t="s">
        <v>41</v>
      </c>
      <c r="G185" s="34" t="s">
        <v>42</v>
      </c>
      <c r="H185" s="35"/>
      <c r="I185" s="36"/>
    </row>
    <row r="186" spans="1:9" s="6" customFormat="1" ht="14.25" customHeight="1" x14ac:dyDescent="0.2">
      <c r="B186" s="64" t="s">
        <v>46</v>
      </c>
      <c r="C186" s="38" t="s">
        <v>47</v>
      </c>
      <c r="D186" s="39"/>
      <c r="E186" s="40"/>
      <c r="F186" s="37" t="s">
        <v>41</v>
      </c>
      <c r="G186" s="34" t="s">
        <v>42</v>
      </c>
      <c r="H186" s="35"/>
      <c r="I186" s="36"/>
    </row>
    <row r="187" spans="1:9" s="6" customFormat="1" ht="14.25" customHeight="1" x14ac:dyDescent="0.2">
      <c r="B187" s="65"/>
      <c r="C187" s="38" t="s">
        <v>48</v>
      </c>
      <c r="D187" s="39"/>
      <c r="E187" s="40"/>
      <c r="F187" s="37" t="s">
        <v>41</v>
      </c>
      <c r="G187" s="34" t="s">
        <v>42</v>
      </c>
      <c r="H187" s="35"/>
      <c r="I187" s="36"/>
    </row>
    <row r="188" spans="1:9" s="6" customFormat="1" ht="14.25" customHeight="1" x14ac:dyDescent="0.2">
      <c r="B188" s="65"/>
      <c r="C188" s="38" t="s">
        <v>49</v>
      </c>
      <c r="D188" s="39"/>
      <c r="E188" s="40"/>
      <c r="F188" s="37" t="s">
        <v>41</v>
      </c>
      <c r="G188" s="34" t="s">
        <v>50</v>
      </c>
      <c r="H188" s="35"/>
      <c r="I188" s="36"/>
    </row>
    <row r="189" spans="1:9" s="6" customFormat="1" ht="14.25" customHeight="1" x14ac:dyDescent="0.2">
      <c r="B189" s="65"/>
      <c r="C189" s="38" t="s">
        <v>51</v>
      </c>
      <c r="D189" s="39"/>
      <c r="E189" s="40"/>
      <c r="F189" s="37" t="s">
        <v>41</v>
      </c>
      <c r="G189" s="34" t="s">
        <v>50</v>
      </c>
      <c r="H189" s="35"/>
      <c r="I189" s="36"/>
    </row>
    <row r="190" spans="1:9" s="6" customFormat="1" ht="14.25" customHeight="1" x14ac:dyDescent="0.2">
      <c r="B190" s="65"/>
      <c r="C190" s="38" t="s">
        <v>52</v>
      </c>
      <c r="D190" s="39"/>
      <c r="E190" s="40"/>
      <c r="F190" s="37" t="s">
        <v>41</v>
      </c>
      <c r="G190" s="34" t="s">
        <v>50</v>
      </c>
      <c r="H190" s="35"/>
      <c r="I190" s="36"/>
    </row>
    <row r="191" spans="1:9" s="6" customFormat="1" ht="14.25" customHeight="1" x14ac:dyDescent="0.2">
      <c r="B191" s="65"/>
      <c r="C191" s="38" t="s">
        <v>53</v>
      </c>
      <c r="D191" s="39"/>
      <c r="E191" s="40"/>
      <c r="F191" s="37" t="s">
        <v>41</v>
      </c>
      <c r="G191" s="34" t="s">
        <v>50</v>
      </c>
      <c r="H191" s="35"/>
      <c r="I191" s="36"/>
    </row>
    <row r="192" spans="1:9" s="6" customFormat="1" ht="14.25" customHeight="1" x14ac:dyDescent="0.2">
      <c r="B192" s="65"/>
      <c r="C192" s="38" t="s">
        <v>54</v>
      </c>
      <c r="D192" s="39"/>
      <c r="E192" s="40"/>
      <c r="F192" s="37" t="s">
        <v>41</v>
      </c>
      <c r="G192" s="34" t="s">
        <v>50</v>
      </c>
      <c r="H192" s="35"/>
      <c r="I192" s="36"/>
    </row>
    <row r="193" spans="1:9" s="6" customFormat="1" ht="14.25" customHeight="1" x14ac:dyDescent="0.2">
      <c r="B193" s="65"/>
      <c r="C193" s="61" t="s">
        <v>55</v>
      </c>
      <c r="D193" s="62"/>
      <c r="E193" s="63"/>
      <c r="F193" s="37" t="s">
        <v>41</v>
      </c>
      <c r="G193" s="34" t="s">
        <v>42</v>
      </c>
      <c r="H193" s="35"/>
      <c r="I193" s="36"/>
    </row>
    <row r="194" spans="1:9" s="6" customFormat="1" ht="14.25" customHeight="1" x14ac:dyDescent="0.2">
      <c r="A194" s="41"/>
      <c r="B194" s="65"/>
      <c r="C194" s="38" t="s">
        <v>56</v>
      </c>
      <c r="D194" s="39"/>
      <c r="E194" s="40"/>
      <c r="F194" s="37" t="s">
        <v>41</v>
      </c>
      <c r="G194" s="34" t="s">
        <v>42</v>
      </c>
      <c r="H194" s="35"/>
      <c r="I194" s="36"/>
    </row>
    <row r="195" spans="1:9" s="6" customFormat="1" ht="14.25" customHeight="1" x14ac:dyDescent="0.2">
      <c r="B195" s="65"/>
      <c r="C195" s="38" t="s">
        <v>57</v>
      </c>
      <c r="D195" s="39"/>
      <c r="E195" s="40"/>
      <c r="F195" s="37" t="s">
        <v>41</v>
      </c>
      <c r="G195" s="34" t="s">
        <v>50</v>
      </c>
      <c r="H195" s="35"/>
      <c r="I195" s="36"/>
    </row>
    <row r="196" spans="1:9" s="6" customFormat="1" ht="14.25" customHeight="1" x14ac:dyDescent="0.2">
      <c r="B196" s="65"/>
      <c r="C196" s="61" t="s">
        <v>58</v>
      </c>
      <c r="D196" s="62"/>
      <c r="E196" s="63"/>
      <c r="F196" s="37" t="s">
        <v>41</v>
      </c>
      <c r="G196" s="34" t="s">
        <v>50</v>
      </c>
      <c r="H196" s="35"/>
      <c r="I196" s="36"/>
    </row>
    <row r="197" spans="1:9" s="6" customFormat="1" ht="14.25" customHeight="1" x14ac:dyDescent="0.2">
      <c r="B197" s="66"/>
      <c r="C197" s="38" t="s">
        <v>59</v>
      </c>
      <c r="D197" s="39"/>
      <c r="E197" s="40"/>
      <c r="F197" s="37" t="s">
        <v>41</v>
      </c>
      <c r="G197" s="34" t="s">
        <v>60</v>
      </c>
      <c r="H197" s="35"/>
      <c r="I197" s="36"/>
    </row>
    <row r="198" spans="1:9" s="6" customFormat="1" ht="14.25" customHeight="1" x14ac:dyDescent="0.2">
      <c r="B198" s="54" t="s">
        <v>89</v>
      </c>
      <c r="C198" s="55"/>
      <c r="D198" s="55"/>
      <c r="E198" s="56"/>
      <c r="F198" s="37" t="s">
        <v>61</v>
      </c>
      <c r="G198" s="51" t="s">
        <v>50</v>
      </c>
      <c r="H198" s="52"/>
      <c r="I198" s="53"/>
    </row>
    <row r="199" spans="1:9" s="6" customFormat="1" ht="14.25" customHeight="1" x14ac:dyDescent="0.2">
      <c r="G199" s="13"/>
      <c r="H199" s="13"/>
    </row>
    <row r="200" spans="1:9" s="6" customFormat="1" ht="14.25" customHeight="1" x14ac:dyDescent="0.2">
      <c r="G200" s="13"/>
      <c r="H200" s="13"/>
    </row>
    <row r="201" spans="1:9" s="6" customFormat="1" ht="14.25" customHeight="1" x14ac:dyDescent="0.2">
      <c r="A201" s="6" t="s">
        <v>126</v>
      </c>
    </row>
    <row r="202" spans="1:9" s="6" customFormat="1" ht="14.25" customHeight="1" x14ac:dyDescent="0.2">
      <c r="A202" s="6" t="s">
        <v>90</v>
      </c>
    </row>
    <row r="203" spans="1:9" s="6" customFormat="1" ht="14.25" customHeight="1" x14ac:dyDescent="0.2"/>
    <row r="204" spans="1:9" s="6" customFormat="1" ht="14.25" customHeight="1" x14ac:dyDescent="0.2">
      <c r="B204" s="13"/>
      <c r="E204" s="6" t="s">
        <v>10</v>
      </c>
      <c r="G204" s="13" t="s">
        <v>11</v>
      </c>
      <c r="H204" s="13"/>
    </row>
    <row r="205" spans="1:9" s="6" customFormat="1" ht="14.25" customHeight="1" x14ac:dyDescent="0.2">
      <c r="B205" s="13"/>
      <c r="D205" s="13"/>
      <c r="G205" s="13"/>
      <c r="H205" s="13"/>
    </row>
    <row r="206" spans="1:9" s="6" customFormat="1" ht="14.25" customHeight="1" x14ac:dyDescent="0.2">
      <c r="A206" s="6" t="s">
        <v>91</v>
      </c>
    </row>
    <row r="207" spans="1:9" s="6" customFormat="1" ht="14.25" customHeight="1" x14ac:dyDescent="0.2">
      <c r="A207" s="32" t="s">
        <v>92</v>
      </c>
    </row>
    <row r="208" spans="1:9" s="6" customFormat="1" ht="14.25" customHeight="1" x14ac:dyDescent="0.2">
      <c r="G208" s="13"/>
      <c r="H208" s="13"/>
    </row>
    <row r="209" spans="1:9" s="6" customFormat="1" ht="14.25" customHeight="1" x14ac:dyDescent="0.2">
      <c r="C209" s="13"/>
      <c r="E209" s="6" t="s">
        <v>10</v>
      </c>
      <c r="G209" s="13" t="s">
        <v>11</v>
      </c>
      <c r="H209" s="13"/>
    </row>
    <row r="210" spans="1:9" s="6" customFormat="1" ht="14.25" customHeight="1" x14ac:dyDescent="0.2">
      <c r="G210" s="13"/>
      <c r="H210" s="13"/>
    </row>
    <row r="211" spans="1:9" s="6" customFormat="1" ht="14.25" customHeight="1" x14ac:dyDescent="0.2">
      <c r="A211" s="32" t="s">
        <v>93</v>
      </c>
    </row>
    <row r="212" spans="1:9" s="6" customFormat="1" ht="14.25" customHeight="1" x14ac:dyDescent="0.2">
      <c r="G212" s="13"/>
      <c r="H212" s="13"/>
    </row>
    <row r="213" spans="1:9" s="6" customFormat="1" ht="14.25" customHeight="1" x14ac:dyDescent="0.2">
      <c r="C213" s="13"/>
      <c r="E213" s="6" t="s">
        <v>10</v>
      </c>
      <c r="G213" s="13" t="s">
        <v>11</v>
      </c>
      <c r="H213" s="13"/>
    </row>
    <row r="214" spans="1:9" s="6" customFormat="1" ht="14.25" customHeight="1" x14ac:dyDescent="0.2">
      <c r="G214" s="13"/>
      <c r="H214" s="13"/>
    </row>
    <row r="215" spans="1:9" s="6" customFormat="1" ht="14.25" customHeight="1" x14ac:dyDescent="0.2">
      <c r="A215" s="32" t="s">
        <v>94</v>
      </c>
    </row>
    <row r="216" spans="1:9" s="6" customFormat="1" ht="14.25" customHeight="1" x14ac:dyDescent="0.2"/>
    <row r="217" spans="1:9" s="6" customFormat="1" ht="14.25" customHeight="1" x14ac:dyDescent="0.2">
      <c r="C217" s="13"/>
      <c r="E217" s="6" t="s">
        <v>10</v>
      </c>
      <c r="G217" s="13" t="s">
        <v>11</v>
      </c>
      <c r="H217" s="13"/>
    </row>
    <row r="218" spans="1:9" s="6" customFormat="1" ht="14.25" customHeight="1" x14ac:dyDescent="0.2">
      <c r="C218" s="13"/>
      <c r="G218" s="13"/>
      <c r="H218" s="13"/>
    </row>
    <row r="219" spans="1:9" s="6" customFormat="1" ht="14" x14ac:dyDescent="0.2">
      <c r="A219" s="6" t="s">
        <v>133</v>
      </c>
      <c r="G219" s="13" t="s">
        <v>127</v>
      </c>
      <c r="H219" s="13"/>
      <c r="I219" s="6" t="s">
        <v>128</v>
      </c>
    </row>
    <row r="220" spans="1:9" s="6" customFormat="1" ht="14" x14ac:dyDescent="0.2">
      <c r="A220" s="6" t="s">
        <v>129</v>
      </c>
      <c r="G220" s="13"/>
      <c r="H220" s="13"/>
    </row>
    <row r="221" spans="1:9" s="6" customFormat="1" ht="14" x14ac:dyDescent="0.2">
      <c r="G221" s="13"/>
      <c r="H221" s="13"/>
    </row>
    <row r="222" spans="1:9" s="6" customFormat="1" ht="14" x14ac:dyDescent="0.2">
      <c r="A222" s="6" t="s">
        <v>134</v>
      </c>
      <c r="G222" s="13" t="s">
        <v>130</v>
      </c>
      <c r="H222" s="13" t="s">
        <v>131</v>
      </c>
    </row>
    <row r="223" spans="1:9" s="6" customFormat="1" ht="14" x14ac:dyDescent="0.2">
      <c r="A223" s="6" t="s">
        <v>132</v>
      </c>
      <c r="G223" s="13"/>
      <c r="H223" s="13"/>
    </row>
    <row r="224" spans="1:9" s="6" customFormat="1" ht="14" x14ac:dyDescent="0.2">
      <c r="G224" s="13"/>
      <c r="H224" s="13"/>
    </row>
    <row r="225" spans="1:9" s="6" customFormat="1" ht="14" x14ac:dyDescent="0.2">
      <c r="A225" s="6" t="s">
        <v>158</v>
      </c>
      <c r="G225" s="6" t="s">
        <v>10</v>
      </c>
      <c r="H225" s="13" t="s">
        <v>11</v>
      </c>
      <c r="I225" s="13"/>
    </row>
    <row r="226" spans="1:9" s="6" customFormat="1" ht="14" x14ac:dyDescent="0.2">
      <c r="A226" s="6" t="s">
        <v>157</v>
      </c>
      <c r="G226" s="13"/>
      <c r="H226" s="13"/>
    </row>
    <row r="227" spans="1:9" s="6" customFormat="1" ht="14" x14ac:dyDescent="0.2"/>
    <row r="228" spans="1:9" s="6" customFormat="1" ht="14.25" customHeight="1" x14ac:dyDescent="0.2">
      <c r="A228" s="8" t="s">
        <v>99</v>
      </c>
    </row>
    <row r="229" spans="1:9" s="6" customFormat="1" ht="14.25" customHeight="1" x14ac:dyDescent="0.2">
      <c r="A229" s="8"/>
    </row>
    <row r="230" spans="1:9" s="6" customFormat="1" ht="14.25" customHeight="1" x14ac:dyDescent="0.2">
      <c r="A230" s="7" t="s">
        <v>100</v>
      </c>
      <c r="B230" s="6" t="s">
        <v>164</v>
      </c>
    </row>
    <row r="231" spans="1:9" s="6" customFormat="1" ht="14.25" customHeight="1" x14ac:dyDescent="0.2">
      <c r="A231" s="7" t="s">
        <v>101</v>
      </c>
      <c r="B231" s="6" t="s">
        <v>165</v>
      </c>
    </row>
    <row r="232" spans="1:9" s="6" customFormat="1" ht="14.25" customHeight="1" x14ac:dyDescent="0.2">
      <c r="A232" s="7" t="s">
        <v>100</v>
      </c>
      <c r="B232" s="6" t="s">
        <v>105</v>
      </c>
    </row>
    <row r="233" spans="1:9" s="6" customFormat="1" ht="14.25" customHeight="1" x14ac:dyDescent="0.2">
      <c r="A233" s="7" t="s">
        <v>102</v>
      </c>
      <c r="B233" s="6" t="s">
        <v>103</v>
      </c>
    </row>
    <row r="234" spans="1:9" s="6" customFormat="1" ht="14.25" customHeight="1" x14ac:dyDescent="0.2">
      <c r="A234" s="7" t="s">
        <v>101</v>
      </c>
      <c r="B234" s="6" t="s">
        <v>104</v>
      </c>
    </row>
    <row r="235" spans="1:9" s="6" customFormat="1" ht="14.25" customHeight="1" x14ac:dyDescent="0.2">
      <c r="A235" s="7" t="s">
        <v>101</v>
      </c>
      <c r="B235" s="42" t="s">
        <v>106</v>
      </c>
      <c r="C235" s="42"/>
      <c r="D235" s="42"/>
      <c r="E235" s="42"/>
      <c r="F235" s="42"/>
      <c r="G235" s="42"/>
      <c r="H235" s="42"/>
      <c r="I235" s="42"/>
    </row>
    <row r="236" spans="1:9" s="6" customFormat="1" ht="14.25" customHeight="1" x14ac:dyDescent="0.2">
      <c r="A236" s="7" t="s">
        <v>100</v>
      </c>
      <c r="B236" s="6" t="s">
        <v>107</v>
      </c>
    </row>
    <row r="237" spans="1:9" s="6" customFormat="1" ht="14.25" customHeight="1" x14ac:dyDescent="0.2">
      <c r="A237" s="7" t="s">
        <v>108</v>
      </c>
      <c r="B237" s="6" t="s">
        <v>109</v>
      </c>
    </row>
    <row r="238" spans="1:9" s="6" customFormat="1" ht="14.25" customHeight="1" x14ac:dyDescent="0.2">
      <c r="A238" s="7" t="s">
        <v>110</v>
      </c>
      <c r="B238" s="6" t="s">
        <v>111</v>
      </c>
    </row>
    <row r="239" spans="1:9" s="6" customFormat="1" ht="14.25" customHeight="1" x14ac:dyDescent="0.2">
      <c r="A239" s="7" t="s">
        <v>100</v>
      </c>
      <c r="B239" s="6" t="s">
        <v>112</v>
      </c>
    </row>
    <row r="240" spans="1:9" s="6" customFormat="1" ht="14.25" customHeight="1" x14ac:dyDescent="0.2">
      <c r="A240" s="7" t="s">
        <v>100</v>
      </c>
      <c r="B240" s="6" t="s">
        <v>113</v>
      </c>
    </row>
    <row r="241" spans="1:9" s="6" customFormat="1" ht="14" x14ac:dyDescent="0.2"/>
    <row r="242" spans="1:9" s="6" customFormat="1" ht="14" x14ac:dyDescent="0.2">
      <c r="A242" s="6" t="s">
        <v>97</v>
      </c>
    </row>
    <row r="243" spans="1:9" ht="13.5" customHeight="1" x14ac:dyDescent="0.2">
      <c r="A243" s="43"/>
      <c r="B243" s="44"/>
      <c r="C243" s="45"/>
      <c r="D243" s="45"/>
      <c r="E243" s="45"/>
      <c r="F243" s="45"/>
      <c r="G243" s="45"/>
      <c r="H243" s="45"/>
    </row>
    <row r="244" spans="1:9" ht="15" customHeight="1" x14ac:dyDescent="0.2">
      <c r="A244" s="46"/>
      <c r="B244" s="44"/>
      <c r="C244" s="45"/>
      <c r="D244" s="45"/>
      <c r="E244" s="45"/>
      <c r="F244" s="45"/>
      <c r="G244" s="45"/>
      <c r="H244" s="45"/>
    </row>
    <row r="245" spans="1:9" ht="15" customHeight="1" x14ac:dyDescent="0.2">
      <c r="A245" s="46"/>
      <c r="B245" s="44"/>
      <c r="C245" s="45"/>
      <c r="D245" s="45"/>
      <c r="E245" s="45"/>
      <c r="F245" s="45"/>
      <c r="G245" s="45"/>
      <c r="H245" s="45"/>
    </row>
    <row r="246" spans="1:9" ht="15" customHeight="1" x14ac:dyDescent="0.2">
      <c r="A246" s="46"/>
      <c r="B246" s="44"/>
      <c r="C246" s="45"/>
      <c r="D246" s="45"/>
      <c r="E246" s="45"/>
      <c r="F246" s="45"/>
      <c r="G246" s="45"/>
      <c r="H246" s="45"/>
    </row>
    <row r="247" spans="1:9" ht="15" customHeight="1" x14ac:dyDescent="0.2">
      <c r="A247" s="46"/>
      <c r="B247" s="44"/>
      <c r="C247" s="45"/>
      <c r="D247" s="45"/>
      <c r="E247" s="45"/>
      <c r="F247" s="45"/>
      <c r="G247" s="45"/>
      <c r="H247" s="45"/>
    </row>
    <row r="248" spans="1:9" ht="14" x14ac:dyDescent="0.2">
      <c r="A248" s="47"/>
      <c r="B248" s="23"/>
      <c r="C248" s="23"/>
      <c r="D248" s="23"/>
      <c r="E248" s="23"/>
      <c r="F248" s="23"/>
      <c r="G248" s="23"/>
      <c r="H248" s="23"/>
      <c r="I248" s="23"/>
    </row>
  </sheetData>
  <mergeCells count="14">
    <mergeCell ref="A1:J1"/>
    <mergeCell ref="A154:H154"/>
    <mergeCell ref="B181:E181"/>
    <mergeCell ref="G181:I181"/>
    <mergeCell ref="B198:E198"/>
    <mergeCell ref="G198:I198"/>
    <mergeCell ref="F66:J66"/>
    <mergeCell ref="B182:B185"/>
    <mergeCell ref="C184:E184"/>
    <mergeCell ref="C185:E185"/>
    <mergeCell ref="B186:B197"/>
    <mergeCell ref="C193:E193"/>
    <mergeCell ref="C196:E196"/>
    <mergeCell ref="A112:E112"/>
  </mergeCells>
  <phoneticPr fontId="2"/>
  <pageMargins left="0.78740157480314965" right="0.39370078740157483" top="0.59055118110236227" bottom="0.59055118110236227" header="0.51181102362204722" footer="0.11811023622047245"/>
  <pageSetup paperSize="9" scale="97" orientation="portrait" blackAndWhite="1" r:id="rId1"/>
  <headerFooter alignWithMargins="0">
    <oddFooter>&amp;C&amp;P</oddFooter>
  </headerFooter>
  <rowBreaks count="2" manualBreakCount="2">
    <brk id="57" max="9" man="1"/>
    <brk id="113"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入所支援</vt:lpstr>
      <vt:lpstr>入所支援!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5-07-30T02:32:36Z</cp:lastPrinted>
  <dcterms:created xsi:type="dcterms:W3CDTF">1601-01-01T00:00:00Z</dcterms:created>
  <dcterms:modified xsi:type="dcterms:W3CDTF">2025-08-05T08:33:05Z</dcterms:modified>
  <cp:category/>
</cp:coreProperties>
</file>